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2024\s1336\02_人材確保グループ\450_看護職\456_就業実態調査\03_★老健特養調査\07 結果報告\HP掲載用\"/>
    </mc:Choice>
  </mc:AlternateContent>
  <bookViews>
    <workbookView xWindow="-108" yWindow="-108" windowWidth="23256" windowHeight="12456"/>
  </bookViews>
  <sheets>
    <sheet name="Ⅱ1離職率 2退職理由" sheetId="5" r:id="rId1"/>
    <sheet name="３退職後進路" sheetId="41" r:id="rId2"/>
    <sheet name="４経験者採用 5新卒者採用" sheetId="40" r:id="rId3"/>
    <sheet name="６採用方法" sheetId="37" r:id="rId4"/>
    <sheet name="７令和６年度充足状況" sheetId="8" r:id="rId5"/>
    <sheet name="８特定行為研修" sheetId="25" r:id="rId6"/>
  </sheets>
  <definedNames>
    <definedName name="_xlnm.Print_Area" localSheetId="1">'３退職後進路'!$A$1:$P$48</definedName>
    <definedName name="_xlnm.Print_Area" localSheetId="2">'４経験者採用 5新卒者採用'!$A$1:$M$48</definedName>
    <definedName name="_xlnm.Print_Area" localSheetId="3">'６採用方法'!$A$1:$L$43</definedName>
    <definedName name="_xlnm.Print_Area" localSheetId="5">'８特定行為研修'!$A$1:$O$48</definedName>
    <definedName name="_xlnm.Print_Area" localSheetId="0">'Ⅱ1離職率 2退職理由'!$A$1:$S$6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73" uniqueCount="260">
  <si>
    <t>人数</t>
    <rPh sb="0" eb="2">
      <t>ニンズウ</t>
    </rPh>
    <phoneticPr fontId="9"/>
  </si>
  <si>
    <t>二次医療圏</t>
    <rPh sb="0" eb="2">
      <t>ニジ</t>
    </rPh>
    <rPh sb="2" eb="4">
      <t>イリョウ</t>
    </rPh>
    <rPh sb="4" eb="5">
      <t>ケン</t>
    </rPh>
    <phoneticPr fontId="9"/>
  </si>
  <si>
    <t>不明</t>
    <rPh sb="0" eb="2">
      <t>フメイ</t>
    </rPh>
    <phoneticPr fontId="9"/>
  </si>
  <si>
    <t>常勤</t>
    <rPh sb="0" eb="2">
      <t>ジョウキン</t>
    </rPh>
    <phoneticPr fontId="9"/>
  </si>
  <si>
    <t>非常勤</t>
    <rPh sb="0" eb="3">
      <t>ヒジョウキン</t>
    </rPh>
    <phoneticPr fontId="9"/>
  </si>
  <si>
    <t>全体</t>
    <rPh sb="0" eb="2">
      <t>ゼンタイ</t>
    </rPh>
    <phoneticPr fontId="9"/>
  </si>
  <si>
    <t>50～99</t>
  </si>
  <si>
    <t>合　計</t>
  </si>
  <si>
    <t>保健師</t>
    <rPh sb="0" eb="2">
      <t>ホケン</t>
    </rPh>
    <rPh sb="2" eb="3">
      <t>シ</t>
    </rPh>
    <phoneticPr fontId="10"/>
  </si>
  <si>
    <t>助産師</t>
    <rPh sb="0" eb="3">
      <t>ジョサンシ</t>
    </rPh>
    <phoneticPr fontId="10"/>
  </si>
  <si>
    <t>看護師</t>
    <rPh sb="0" eb="3">
      <t>カンゴシ</t>
    </rPh>
    <phoneticPr fontId="10"/>
  </si>
  <si>
    <t>准看護師</t>
    <rPh sb="0" eb="1">
      <t>ジュン</t>
    </rPh>
    <rPh sb="1" eb="4">
      <t>カンゴシ</t>
    </rPh>
    <phoneticPr fontId="10"/>
  </si>
  <si>
    <t>横浜</t>
    <rPh sb="0" eb="2">
      <t>ヨコハマ</t>
    </rPh>
    <phoneticPr fontId="9"/>
  </si>
  <si>
    <t>川崎</t>
    <rPh sb="0" eb="2">
      <t>カワサキ</t>
    </rPh>
    <phoneticPr fontId="9"/>
  </si>
  <si>
    <t>相模原</t>
    <rPh sb="0" eb="3">
      <t>サガミハラ</t>
    </rPh>
    <phoneticPr fontId="9"/>
  </si>
  <si>
    <t>横須賀・三浦</t>
    <rPh sb="0" eb="3">
      <t>ヨコスカ</t>
    </rPh>
    <rPh sb="4" eb="6">
      <t>ミウラ</t>
    </rPh>
    <phoneticPr fontId="9"/>
  </si>
  <si>
    <t>湘南東部</t>
    <rPh sb="0" eb="2">
      <t>ショウナン</t>
    </rPh>
    <rPh sb="2" eb="4">
      <t>トウブ</t>
    </rPh>
    <phoneticPr fontId="9"/>
  </si>
  <si>
    <t>湘南西部</t>
    <rPh sb="0" eb="2">
      <t>ショウナン</t>
    </rPh>
    <rPh sb="2" eb="4">
      <t>セイブ</t>
    </rPh>
    <phoneticPr fontId="9"/>
  </si>
  <si>
    <t>県央</t>
    <rPh sb="0" eb="2">
      <t>ケンオウ</t>
    </rPh>
    <phoneticPr fontId="9"/>
  </si>
  <si>
    <t>県西</t>
    <rPh sb="0" eb="2">
      <t>ケンセイ</t>
    </rPh>
    <phoneticPr fontId="9"/>
  </si>
  <si>
    <t>合計</t>
  </si>
  <si>
    <t>老健</t>
    <rPh sb="0" eb="2">
      <t>ロウケン</t>
    </rPh>
    <phoneticPr fontId="9"/>
  </si>
  <si>
    <t>特養</t>
    <rPh sb="0" eb="2">
      <t>トクヨウ</t>
    </rPh>
    <phoneticPr fontId="9"/>
  </si>
  <si>
    <t>入所定員数</t>
    <rPh sb="0" eb="2">
      <t>ニュウショ</t>
    </rPh>
    <rPh sb="2" eb="4">
      <t>テイイン</t>
    </rPh>
    <rPh sb="4" eb="5">
      <t>スウ</t>
    </rPh>
    <phoneticPr fontId="9"/>
  </si>
  <si>
    <t>～49</t>
    <phoneticPr fontId="9"/>
  </si>
  <si>
    <t>100～149</t>
    <phoneticPr fontId="9"/>
  </si>
  <si>
    <t>150～199</t>
    <phoneticPr fontId="9"/>
  </si>
  <si>
    <t>200以上</t>
    <phoneticPr fontId="9"/>
  </si>
  <si>
    <t>100～149</t>
    <phoneticPr fontId="9"/>
  </si>
  <si>
    <t>150～199</t>
    <phoneticPr fontId="9"/>
  </si>
  <si>
    <t>常勤</t>
    <rPh sb="0" eb="2">
      <t>ジョウキン</t>
    </rPh>
    <phoneticPr fontId="10"/>
  </si>
  <si>
    <t>非常勤</t>
    <rPh sb="0" eb="3">
      <t>ヒジョウキン</t>
    </rPh>
    <phoneticPr fontId="10"/>
  </si>
  <si>
    <t>合計</t>
    <rPh sb="0" eb="2">
      <t>ゴウケイ</t>
    </rPh>
    <phoneticPr fontId="10"/>
  </si>
  <si>
    <t>1年未満</t>
    <rPh sb="1" eb="2">
      <t>ネン</t>
    </rPh>
    <rPh sb="2" eb="4">
      <t>ミマン</t>
    </rPh>
    <phoneticPr fontId="9"/>
  </si>
  <si>
    <t>合計</t>
    <rPh sb="0" eb="2">
      <t>ゴウケイ</t>
    </rPh>
    <phoneticPr fontId="9"/>
  </si>
  <si>
    <t>入所定員数</t>
    <rPh sb="0" eb="2">
      <t>ニュウショ</t>
    </rPh>
    <rPh sb="2" eb="4">
      <t>テイイン</t>
    </rPh>
    <rPh sb="4" eb="5">
      <t>スウ</t>
    </rPh>
    <phoneticPr fontId="10"/>
  </si>
  <si>
    <t>200以上</t>
    <rPh sb="3" eb="5">
      <t>イジョウ</t>
    </rPh>
    <phoneticPr fontId="10"/>
  </si>
  <si>
    <t>150～199</t>
    <phoneticPr fontId="10"/>
  </si>
  <si>
    <t>二次医療圏</t>
    <rPh sb="0" eb="2">
      <t>ニジ</t>
    </rPh>
    <rPh sb="2" eb="4">
      <t>イリョウ</t>
    </rPh>
    <rPh sb="4" eb="5">
      <t>ケン</t>
    </rPh>
    <phoneticPr fontId="10"/>
  </si>
  <si>
    <t>～49</t>
    <phoneticPr fontId="10"/>
  </si>
  <si>
    <t>50～99</t>
    <phoneticPr fontId="10"/>
  </si>
  <si>
    <t>100～149</t>
    <phoneticPr fontId="10"/>
  </si>
  <si>
    <t>100～149</t>
    <phoneticPr fontId="10"/>
  </si>
  <si>
    <t>150～199</t>
    <phoneticPr fontId="10"/>
  </si>
  <si>
    <t>100～149</t>
  </si>
  <si>
    <t>150～199</t>
  </si>
  <si>
    <t>200以上</t>
  </si>
  <si>
    <t>5年以上</t>
    <rPh sb="1" eb="4">
      <t>ネンイジョウ</t>
    </rPh>
    <phoneticPr fontId="9"/>
  </si>
  <si>
    <t>その他</t>
    <rPh sb="2" eb="3">
      <t>ホカ</t>
    </rPh>
    <phoneticPr fontId="9"/>
  </si>
  <si>
    <t>※複数回答あり</t>
    <rPh sb="1" eb="3">
      <t>フクスウ</t>
    </rPh>
    <rPh sb="3" eb="5">
      <t>カイトウ</t>
    </rPh>
    <phoneticPr fontId="9"/>
  </si>
  <si>
    <t>採用者数（人）</t>
    <rPh sb="0" eb="3">
      <t>サイヨウシャ</t>
    </rPh>
    <rPh sb="3" eb="4">
      <t>スウ</t>
    </rPh>
    <rPh sb="5" eb="6">
      <t>ニン</t>
    </rPh>
    <phoneticPr fontId="10"/>
  </si>
  <si>
    <t>※確保率＝採用者人数/採用必要数</t>
    <rPh sb="1" eb="3">
      <t>カクホ</t>
    </rPh>
    <rPh sb="3" eb="4">
      <t>リツ</t>
    </rPh>
    <rPh sb="5" eb="7">
      <t>サイヨウ</t>
    </rPh>
    <rPh sb="7" eb="8">
      <t>シャ</t>
    </rPh>
    <rPh sb="8" eb="10">
      <t>ニンズウ</t>
    </rPh>
    <rPh sb="11" eb="13">
      <t>サイヨウ</t>
    </rPh>
    <rPh sb="13" eb="16">
      <t>ヒツヨウスウ</t>
    </rPh>
    <phoneticPr fontId="9"/>
  </si>
  <si>
    <t>合計（人）</t>
    <rPh sb="0" eb="2">
      <t>ゴウケイ</t>
    </rPh>
    <rPh sb="3" eb="4">
      <t>ニン</t>
    </rPh>
    <phoneticPr fontId="9"/>
  </si>
  <si>
    <t>呼吸器（気道確保に係るもの）関連</t>
  </si>
  <si>
    <t>呼吸器（人工呼吸療法に係るもの）関連</t>
  </si>
  <si>
    <t>呼吸器（長期呼吸療法に係るもの）関連</t>
  </si>
  <si>
    <t>循環器関連</t>
  </si>
  <si>
    <t>心嚢ドレーン管理関連</t>
    <rPh sb="1" eb="2">
      <t>ノウ</t>
    </rPh>
    <phoneticPr fontId="11"/>
  </si>
  <si>
    <t>胸腔ドレーン管理関連</t>
  </si>
  <si>
    <t>腹腔ドレーン管理関連</t>
  </si>
  <si>
    <t>ろう孔管理関連</t>
  </si>
  <si>
    <t>栄養に係るカテーテル管理（中心静脈カテーテル管理）関連</t>
  </si>
  <si>
    <t>創傷管理関連</t>
  </si>
  <si>
    <t>創部ドレーン管理関連</t>
  </si>
  <si>
    <t>動脈血液ガス分析関連</t>
  </si>
  <si>
    <t>透析管理関連</t>
  </si>
  <si>
    <t>栄養及び水分管理に係る薬剤投与関連</t>
  </si>
  <si>
    <t>感染に係る薬剤投与関連</t>
  </si>
  <si>
    <t>血糖コントロールに係る薬剤投与関連</t>
  </si>
  <si>
    <t>循環動態に係る薬剤投与関連</t>
  </si>
  <si>
    <t>精神及び神経症状に係る薬剤投与関連</t>
  </si>
  <si>
    <t>皮膚損傷に係る薬剤投与関連</t>
  </si>
  <si>
    <t>構成比</t>
    <rPh sb="0" eb="2">
      <t>コウセイ</t>
    </rPh>
    <rPh sb="2" eb="3">
      <t>ヒ</t>
    </rPh>
    <phoneticPr fontId="9"/>
  </si>
  <si>
    <t>Ⅱ</t>
    <phoneticPr fontId="9"/>
  </si>
  <si>
    <t>結果</t>
    <rPh sb="0" eb="2">
      <t>ケッカ</t>
    </rPh>
    <phoneticPr fontId="9"/>
  </si>
  <si>
    <t>１．看護職員離職率</t>
    <rPh sb="2" eb="4">
      <t>カンゴ</t>
    </rPh>
    <rPh sb="4" eb="6">
      <t>ショクイン</t>
    </rPh>
    <rPh sb="6" eb="9">
      <t>リショクリツ</t>
    </rPh>
    <phoneticPr fontId="9"/>
  </si>
  <si>
    <t>離職率（％）＝退職者数/平均職員数＊100</t>
    <rPh sb="7" eb="9">
      <t>タイショク</t>
    </rPh>
    <rPh sb="9" eb="10">
      <t>シャ</t>
    </rPh>
    <rPh sb="10" eb="11">
      <t>スウ</t>
    </rPh>
    <rPh sb="12" eb="14">
      <t>ヘイキン</t>
    </rPh>
    <rPh sb="14" eb="16">
      <t>ショクイン</t>
    </rPh>
    <rPh sb="16" eb="17">
      <t>スウ</t>
    </rPh>
    <phoneticPr fontId="10"/>
  </si>
  <si>
    <t>退職者数　：</t>
    <rPh sb="0" eb="3">
      <t>タイショクシャ</t>
    </rPh>
    <rPh sb="3" eb="4">
      <t>スウ</t>
    </rPh>
    <phoneticPr fontId="10"/>
  </si>
  <si>
    <t>平均職員数：</t>
    <rPh sb="0" eb="2">
      <t>ヘイキン</t>
    </rPh>
    <rPh sb="2" eb="4">
      <t>ショクイン</t>
    </rPh>
    <rPh sb="4" eb="5">
      <t>スウ</t>
    </rPh>
    <phoneticPr fontId="10"/>
  </si>
  <si>
    <t xml:space="preserve">平均職員数    </t>
    <rPh sb="0" eb="2">
      <t>ヘイキン</t>
    </rPh>
    <rPh sb="2" eb="4">
      <t>ショクイン</t>
    </rPh>
    <rPh sb="4" eb="5">
      <t>スウ</t>
    </rPh>
    <phoneticPr fontId="10"/>
  </si>
  <si>
    <t>退職者数</t>
    <rPh sb="0" eb="3">
      <t>タイショクシャ</t>
    </rPh>
    <rPh sb="3" eb="4">
      <t>スウ</t>
    </rPh>
    <phoneticPr fontId="10"/>
  </si>
  <si>
    <t>離職率　　</t>
  </si>
  <si>
    <t>職種</t>
    <rPh sb="0" eb="2">
      <t>ショクシュ</t>
    </rPh>
    <phoneticPr fontId="10"/>
  </si>
  <si>
    <t>なし</t>
    <phoneticPr fontId="9"/>
  </si>
  <si>
    <t>1年以上
3年未満</t>
    <rPh sb="1" eb="2">
      <t>ネン</t>
    </rPh>
    <rPh sb="2" eb="4">
      <t>イジョウ</t>
    </rPh>
    <rPh sb="6" eb="7">
      <t>ネン</t>
    </rPh>
    <rPh sb="7" eb="9">
      <t>ミマン</t>
    </rPh>
    <phoneticPr fontId="9"/>
  </si>
  <si>
    <t>3年以上
5年未満</t>
    <rPh sb="1" eb="2">
      <t>ネン</t>
    </rPh>
    <rPh sb="2" eb="4">
      <t>イジョウ</t>
    </rPh>
    <rPh sb="6" eb="7">
      <t>ネン</t>
    </rPh>
    <rPh sb="7" eb="9">
      <t>ミマン</t>
    </rPh>
    <phoneticPr fontId="9"/>
  </si>
  <si>
    <t>回答施設数</t>
    <rPh sb="0" eb="2">
      <t>カイトウ</t>
    </rPh>
    <rPh sb="2" eb="4">
      <t>シセツ</t>
    </rPh>
    <rPh sb="4" eb="5">
      <t>スウ</t>
    </rPh>
    <phoneticPr fontId="9"/>
  </si>
  <si>
    <t>構成比</t>
    <rPh sb="0" eb="2">
      <t>コウセイ</t>
    </rPh>
    <rPh sb="2" eb="3">
      <t>ヒ</t>
    </rPh>
    <phoneticPr fontId="10"/>
  </si>
  <si>
    <t>定年退職</t>
    <rPh sb="0" eb="2">
      <t>テイネン</t>
    </rPh>
    <rPh sb="2" eb="4">
      <t>タイショク</t>
    </rPh>
    <phoneticPr fontId="9"/>
  </si>
  <si>
    <t>結婚</t>
    <rPh sb="0" eb="2">
      <t>ケッコン</t>
    </rPh>
    <phoneticPr fontId="9"/>
  </si>
  <si>
    <t>転居</t>
    <rPh sb="0" eb="2">
      <t>テンキョ</t>
    </rPh>
    <phoneticPr fontId="9"/>
  </si>
  <si>
    <t>教育体制</t>
    <rPh sb="0" eb="2">
      <t>キョウイク</t>
    </rPh>
    <rPh sb="2" eb="4">
      <t>タイセイ</t>
    </rPh>
    <phoneticPr fontId="9"/>
  </si>
  <si>
    <t>人間関係</t>
    <rPh sb="0" eb="2">
      <t>ニンゲン</t>
    </rPh>
    <rPh sb="2" eb="4">
      <t>カンケイ</t>
    </rPh>
    <phoneticPr fontId="9"/>
  </si>
  <si>
    <t>県内</t>
    <rPh sb="0" eb="2">
      <t>ケンナイ</t>
    </rPh>
    <phoneticPr fontId="9"/>
  </si>
  <si>
    <t>県外</t>
    <rPh sb="0" eb="2">
      <t>ケンガイ</t>
    </rPh>
    <phoneticPr fontId="9"/>
  </si>
  <si>
    <t>老健特養</t>
    <rPh sb="0" eb="2">
      <t>ロウケン</t>
    </rPh>
    <rPh sb="2" eb="4">
      <t>トクヨウ</t>
    </rPh>
    <phoneticPr fontId="9"/>
  </si>
  <si>
    <t>小多機・看多機</t>
    <rPh sb="0" eb="1">
      <t>ショウ</t>
    </rPh>
    <rPh sb="2" eb="3">
      <t>キ</t>
    </rPh>
    <rPh sb="4" eb="5">
      <t>カン</t>
    </rPh>
    <rPh sb="5" eb="6">
      <t>タ</t>
    </rPh>
    <rPh sb="6" eb="7">
      <t>キ</t>
    </rPh>
    <phoneticPr fontId="9"/>
  </si>
  <si>
    <t>保健師</t>
    <rPh sb="0" eb="3">
      <t>ホケンシ</t>
    </rPh>
    <phoneticPr fontId="9"/>
  </si>
  <si>
    <t>看護師</t>
    <rPh sb="0" eb="3">
      <t>カンゴシ</t>
    </rPh>
    <phoneticPr fontId="9"/>
  </si>
  <si>
    <t>准看護師</t>
    <rPh sb="0" eb="4">
      <t>ジュンカンゴシ</t>
    </rPh>
    <phoneticPr fontId="9"/>
  </si>
  <si>
    <t>自施設</t>
    <rPh sb="0" eb="1">
      <t>ジ</t>
    </rPh>
    <rPh sb="1" eb="3">
      <t>シセツ</t>
    </rPh>
    <phoneticPr fontId="9"/>
  </si>
  <si>
    <t>一部外部</t>
    <rPh sb="0" eb="2">
      <t>イチブ</t>
    </rPh>
    <rPh sb="2" eb="4">
      <t>ガイブ</t>
    </rPh>
    <phoneticPr fontId="9"/>
  </si>
  <si>
    <t>すべて外部</t>
    <rPh sb="3" eb="5">
      <t>ガイブ</t>
    </rPh>
    <phoneticPr fontId="9"/>
  </si>
  <si>
    <t>考えていない</t>
    <rPh sb="0" eb="1">
      <t>カンガ</t>
    </rPh>
    <phoneticPr fontId="9"/>
  </si>
  <si>
    <t>応募があれば検討</t>
    <rPh sb="0" eb="2">
      <t>オウボ</t>
    </rPh>
    <rPh sb="6" eb="8">
      <t>ケントウ</t>
    </rPh>
    <phoneticPr fontId="9"/>
  </si>
  <si>
    <t>その他コメント</t>
    <rPh sb="2" eb="3">
      <t>ホカ</t>
    </rPh>
    <phoneticPr fontId="9"/>
  </si>
  <si>
    <t>積極採用</t>
    <rPh sb="0" eb="4">
      <t>セッキョクサイヨウ</t>
    </rPh>
    <phoneticPr fontId="9"/>
  </si>
  <si>
    <t>教育プログラム</t>
    <rPh sb="0" eb="2">
      <t>キョウイク</t>
    </rPh>
    <phoneticPr fontId="9"/>
  </si>
  <si>
    <t>教育予算</t>
    <rPh sb="0" eb="2">
      <t>キョウイク</t>
    </rPh>
    <rPh sb="2" eb="4">
      <t>ヨサン</t>
    </rPh>
    <phoneticPr fontId="9"/>
  </si>
  <si>
    <t>他職種連携・理解</t>
    <rPh sb="0" eb="1">
      <t>タ</t>
    </rPh>
    <rPh sb="1" eb="3">
      <t>ショクシュ</t>
    </rPh>
    <rPh sb="3" eb="5">
      <t>レンケイ</t>
    </rPh>
    <rPh sb="6" eb="8">
      <t>リカイ</t>
    </rPh>
    <phoneticPr fontId="9"/>
  </si>
  <si>
    <t>法人の理解</t>
    <rPh sb="0" eb="2">
      <t>ホウジン</t>
    </rPh>
    <rPh sb="3" eb="5">
      <t>リカイ</t>
    </rPh>
    <phoneticPr fontId="9"/>
  </si>
  <si>
    <t>看護職員の理解</t>
    <rPh sb="0" eb="2">
      <t>カンゴ</t>
    </rPh>
    <rPh sb="2" eb="4">
      <t>ショクイン</t>
    </rPh>
    <rPh sb="5" eb="7">
      <t>リカイ</t>
    </rPh>
    <phoneticPr fontId="9"/>
  </si>
  <si>
    <t>採用媒体</t>
    <rPh sb="0" eb="2">
      <t>サイヨウ</t>
    </rPh>
    <rPh sb="2" eb="4">
      <t>バイタイ</t>
    </rPh>
    <phoneticPr fontId="10"/>
  </si>
  <si>
    <t>自施設採用</t>
    <rPh sb="0" eb="1">
      <t>ジ</t>
    </rPh>
    <rPh sb="1" eb="3">
      <t>シセツ</t>
    </rPh>
    <rPh sb="3" eb="5">
      <t>サイヨウ</t>
    </rPh>
    <phoneticPr fontId="10"/>
  </si>
  <si>
    <t>自施設のホームページ</t>
    <rPh sb="0" eb="1">
      <t>ジ</t>
    </rPh>
    <rPh sb="1" eb="3">
      <t>シセツ</t>
    </rPh>
    <phoneticPr fontId="10"/>
  </si>
  <si>
    <t>職員の紹介</t>
    <rPh sb="0" eb="2">
      <t>ショクイン</t>
    </rPh>
    <rPh sb="3" eb="5">
      <t>ショウカイ</t>
    </rPh>
    <phoneticPr fontId="10"/>
  </si>
  <si>
    <t>地域医療機関との連携・紹介</t>
    <rPh sb="0" eb="2">
      <t>チイキ</t>
    </rPh>
    <rPh sb="2" eb="4">
      <t>イリョウ</t>
    </rPh>
    <rPh sb="4" eb="6">
      <t>キカン</t>
    </rPh>
    <rPh sb="8" eb="10">
      <t>レンケイ</t>
    </rPh>
    <rPh sb="11" eb="13">
      <t>ショウカイ</t>
    </rPh>
    <phoneticPr fontId="10"/>
  </si>
  <si>
    <t>系列からの異動</t>
    <rPh sb="0" eb="2">
      <t>ケイレツ</t>
    </rPh>
    <rPh sb="5" eb="7">
      <t>イドウ</t>
    </rPh>
    <phoneticPr fontId="10"/>
  </si>
  <si>
    <t>求人広告・情報誌（電子・紙）</t>
    <rPh sb="0" eb="2">
      <t>キュウジン</t>
    </rPh>
    <rPh sb="2" eb="4">
      <t>コウコク</t>
    </rPh>
    <rPh sb="5" eb="8">
      <t>ジョウホウシ</t>
    </rPh>
    <rPh sb="9" eb="11">
      <t>デンシ</t>
    </rPh>
    <rPh sb="12" eb="13">
      <t>カミ</t>
    </rPh>
    <phoneticPr fontId="10"/>
  </si>
  <si>
    <t>退職後再雇用</t>
    <rPh sb="0" eb="3">
      <t>タイショクゴ</t>
    </rPh>
    <rPh sb="3" eb="6">
      <t>サイコヨウ</t>
    </rPh>
    <phoneticPr fontId="10"/>
  </si>
  <si>
    <t>学校への求人活動</t>
    <rPh sb="0" eb="2">
      <t>ガッコウ</t>
    </rPh>
    <rPh sb="4" eb="6">
      <t>キュウジン</t>
    </rPh>
    <rPh sb="6" eb="8">
      <t>カツドウ</t>
    </rPh>
    <phoneticPr fontId="10"/>
  </si>
  <si>
    <t>その他</t>
    <rPh sb="2" eb="3">
      <t>ホカ</t>
    </rPh>
    <phoneticPr fontId="10"/>
  </si>
  <si>
    <t>無料職業
紹介所</t>
    <rPh sb="0" eb="2">
      <t>ムリョウ</t>
    </rPh>
    <rPh sb="2" eb="4">
      <t>ショクギョウ</t>
    </rPh>
    <rPh sb="5" eb="7">
      <t>ショウカイ</t>
    </rPh>
    <rPh sb="7" eb="8">
      <t>ジョ</t>
    </rPh>
    <phoneticPr fontId="10"/>
  </si>
  <si>
    <t>ナースセンター</t>
    <phoneticPr fontId="10"/>
  </si>
  <si>
    <t>ハローワーク</t>
    <phoneticPr fontId="10"/>
  </si>
  <si>
    <t>採用人数</t>
    <rPh sb="0" eb="2">
      <t>サイヨウ</t>
    </rPh>
    <rPh sb="2" eb="4">
      <t>ニンズウ</t>
    </rPh>
    <phoneticPr fontId="10"/>
  </si>
  <si>
    <t>利用したと回答した施設数</t>
    <rPh sb="0" eb="2">
      <t>リヨウ</t>
    </rPh>
    <rPh sb="5" eb="7">
      <t>カイトウ</t>
    </rPh>
    <rPh sb="9" eb="11">
      <t>シセツ</t>
    </rPh>
    <rPh sb="11" eb="12">
      <t>スウ</t>
    </rPh>
    <phoneticPr fontId="10"/>
  </si>
  <si>
    <t>知らない</t>
    <rPh sb="0" eb="1">
      <t>シ</t>
    </rPh>
    <phoneticPr fontId="9"/>
  </si>
  <si>
    <t>利用方法が分からない</t>
    <rPh sb="0" eb="2">
      <t>リヨウ</t>
    </rPh>
    <rPh sb="2" eb="4">
      <t>ホウホウ</t>
    </rPh>
    <rPh sb="5" eb="6">
      <t>ワ</t>
    </rPh>
    <phoneticPr fontId="9"/>
  </si>
  <si>
    <t>遠方</t>
    <rPh sb="0" eb="2">
      <t>エンポウ</t>
    </rPh>
    <phoneticPr fontId="9"/>
  </si>
  <si>
    <t>手続が複雑</t>
    <rPh sb="0" eb="2">
      <t>テツヅキ</t>
    </rPh>
    <rPh sb="3" eb="5">
      <t>フクザツ</t>
    </rPh>
    <phoneticPr fontId="9"/>
  </si>
  <si>
    <t>紹介がない</t>
    <rPh sb="0" eb="2">
      <t>ショウカイ</t>
    </rPh>
    <phoneticPr fontId="9"/>
  </si>
  <si>
    <t>急いでいた</t>
    <rPh sb="0" eb="1">
      <t>イソ</t>
    </rPh>
    <phoneticPr fontId="9"/>
  </si>
  <si>
    <t>自施設採用</t>
    <rPh sb="0" eb="1">
      <t>ジ</t>
    </rPh>
    <rPh sb="1" eb="3">
      <t>シセツ</t>
    </rPh>
    <rPh sb="3" eb="5">
      <t>サイヨウ</t>
    </rPh>
    <phoneticPr fontId="9"/>
  </si>
  <si>
    <t>確保率</t>
    <rPh sb="0" eb="2">
      <t>カクホ</t>
    </rPh>
    <rPh sb="2" eb="3">
      <t>リツ</t>
    </rPh>
    <phoneticPr fontId="10"/>
  </si>
  <si>
    <t>必要数（人）</t>
    <rPh sb="0" eb="3">
      <t>ヒツヨウスウ</t>
    </rPh>
    <rPh sb="4" eb="5">
      <t>ニン</t>
    </rPh>
    <phoneticPr fontId="10"/>
  </si>
  <si>
    <t>回答施設数*</t>
    <rPh sb="0" eb="2">
      <t>カイトウ</t>
    </rPh>
    <rPh sb="2" eb="4">
      <t>シセツ</t>
    </rPh>
    <rPh sb="4" eb="5">
      <t>スウ</t>
    </rPh>
    <phoneticPr fontId="9"/>
  </si>
  <si>
    <t>※複数回答可</t>
    <rPh sb="1" eb="3">
      <t>フクスウ</t>
    </rPh>
    <rPh sb="3" eb="5">
      <t>カイトウ</t>
    </rPh>
    <rPh sb="5" eb="6">
      <t>カ</t>
    </rPh>
    <phoneticPr fontId="10"/>
  </si>
  <si>
    <t>栄養に係るカテーテル管理（末梢留置型中心静脈注射用カテーテル管理）関連</t>
    <phoneticPr fontId="11"/>
  </si>
  <si>
    <t>術後疼痛管理関連</t>
    <rPh sb="2" eb="3">
      <t>トウ</t>
    </rPh>
    <phoneticPr fontId="11"/>
  </si>
  <si>
    <t>回答施設数</t>
    <rPh sb="0" eb="2">
      <t>カイトウ</t>
    </rPh>
    <rPh sb="2" eb="4">
      <t>シセツ</t>
    </rPh>
    <rPh sb="4" eb="5">
      <t>スウ</t>
    </rPh>
    <phoneticPr fontId="10"/>
  </si>
  <si>
    <t>理解が得られない</t>
    <rPh sb="0" eb="2">
      <t>リカイ</t>
    </rPh>
    <rPh sb="3" eb="4">
      <t>エ</t>
    </rPh>
    <phoneticPr fontId="10"/>
  </si>
  <si>
    <t>人員不足</t>
    <rPh sb="0" eb="2">
      <t>ジンイン</t>
    </rPh>
    <rPh sb="2" eb="4">
      <t>ブソク</t>
    </rPh>
    <phoneticPr fontId="10"/>
  </si>
  <si>
    <t>希望者がいない</t>
    <rPh sb="0" eb="3">
      <t>キボウシャ</t>
    </rPh>
    <phoneticPr fontId="10"/>
  </si>
  <si>
    <t>配置を考えていない</t>
    <rPh sb="0" eb="2">
      <t>ハイチ</t>
    </rPh>
    <rPh sb="3" eb="4">
      <t>カンガ</t>
    </rPh>
    <phoneticPr fontId="10"/>
  </si>
  <si>
    <t>経費が高額</t>
    <rPh sb="0" eb="2">
      <t>ケイヒ</t>
    </rPh>
    <rPh sb="3" eb="5">
      <t>コウガク</t>
    </rPh>
    <phoneticPr fontId="10"/>
  </si>
  <si>
    <t>補助があれば検討</t>
    <rPh sb="0" eb="2">
      <t>ホジョ</t>
    </rPh>
    <rPh sb="6" eb="8">
      <t>ケントウ</t>
    </rPh>
    <phoneticPr fontId="10"/>
  </si>
  <si>
    <t>老健</t>
    <rPh sb="0" eb="2">
      <t>ロウケン</t>
    </rPh>
    <phoneticPr fontId="10"/>
  </si>
  <si>
    <t>特養</t>
    <rPh sb="0" eb="2">
      <t>トクヨウ</t>
    </rPh>
    <phoneticPr fontId="10"/>
  </si>
  <si>
    <t>特養</t>
    <rPh sb="0" eb="2">
      <t>トクヨウ</t>
    </rPh>
    <phoneticPr fontId="11"/>
  </si>
  <si>
    <t>～49</t>
  </si>
  <si>
    <t>老健</t>
    <rPh sb="0" eb="2">
      <t>ロウケン</t>
    </rPh>
    <phoneticPr fontId="9"/>
  </si>
  <si>
    <t>特養</t>
    <rPh sb="0" eb="2">
      <t>トクヨウ</t>
    </rPh>
    <phoneticPr fontId="9"/>
  </si>
  <si>
    <t>（１）老健：自施設採用その他の具体的内容</t>
    <rPh sb="3" eb="5">
      <t>ロウケン</t>
    </rPh>
    <rPh sb="6" eb="11">
      <t>ジシセツサイヨウ</t>
    </rPh>
    <rPh sb="13" eb="14">
      <t>ホカ</t>
    </rPh>
    <rPh sb="15" eb="18">
      <t>グタイテキ</t>
    </rPh>
    <rPh sb="18" eb="20">
      <t>ナイヨウ</t>
    </rPh>
    <phoneticPr fontId="9"/>
  </si>
  <si>
    <t>（１）特養：自施設採用その他の具体的内容</t>
    <rPh sb="3" eb="5">
      <t>トクヨウ</t>
    </rPh>
    <rPh sb="6" eb="11">
      <t>ジシセツサイヨウ</t>
    </rPh>
    <rPh sb="13" eb="14">
      <t>ホカ</t>
    </rPh>
    <rPh sb="15" eb="18">
      <t>グタイテキ</t>
    </rPh>
    <rPh sb="18" eb="20">
      <t>ナイヨウ</t>
    </rPh>
    <phoneticPr fontId="9"/>
  </si>
  <si>
    <t>（２）－２　いない理由のうち　その他の具体的内容</t>
    <rPh sb="9" eb="11">
      <t>リユウ</t>
    </rPh>
    <rPh sb="17" eb="18">
      <t>ホカ</t>
    </rPh>
    <rPh sb="19" eb="22">
      <t>グタイテキ</t>
    </rPh>
    <rPh sb="22" eb="24">
      <t>ナイヨウ</t>
    </rPh>
    <phoneticPr fontId="10"/>
  </si>
  <si>
    <t>二次医療圏</t>
    <rPh sb="0" eb="5">
      <t>ニジイリョウケン</t>
    </rPh>
    <phoneticPr fontId="9"/>
  </si>
  <si>
    <t>※新卒職員の採用があった施設</t>
  </si>
  <si>
    <t>※すべての施設</t>
  </si>
  <si>
    <t>※すべての施設、複数回答あり</t>
    <rPh sb="5" eb="7">
      <t>シセツ</t>
    </rPh>
    <rPh sb="8" eb="10">
      <t>フクスウ</t>
    </rPh>
    <rPh sb="10" eb="12">
      <t>カイトウ</t>
    </rPh>
    <phoneticPr fontId="9"/>
  </si>
  <si>
    <t>実施していない</t>
    <rPh sb="0" eb="2">
      <t>ジッシ</t>
    </rPh>
    <phoneticPr fontId="9"/>
  </si>
  <si>
    <t>未回答</t>
    <rPh sb="0" eb="3">
      <t>ミカイトウ</t>
    </rPh>
    <phoneticPr fontId="9"/>
  </si>
  <si>
    <t>回答合計</t>
    <rPh sb="0" eb="2">
      <t>カイトウ</t>
    </rPh>
    <rPh sb="2" eb="4">
      <t>ゴウケイ</t>
    </rPh>
    <phoneticPr fontId="9"/>
  </si>
  <si>
    <t>回答合計</t>
    <rPh sb="0" eb="2">
      <t>カイトウ</t>
    </rPh>
    <rPh sb="2" eb="4">
      <t>ゴウケイ</t>
    </rPh>
    <phoneticPr fontId="10"/>
  </si>
  <si>
    <t>進学</t>
    <rPh sb="0" eb="2">
      <t>シンガク</t>
    </rPh>
    <phoneticPr fontId="9"/>
  </si>
  <si>
    <t>情報収集中</t>
    <rPh sb="0" eb="2">
      <t>ジョウホウ</t>
    </rPh>
    <rPh sb="2" eb="4">
      <t>シュウシュウ</t>
    </rPh>
    <rPh sb="4" eb="5">
      <t>チュウ</t>
    </rPh>
    <phoneticPr fontId="10"/>
  </si>
  <si>
    <t>*回答のあった施設数のうち必要0採用0の施設を除いた件数</t>
    <rPh sb="1" eb="3">
      <t>カイトウ</t>
    </rPh>
    <rPh sb="7" eb="9">
      <t>シセツ</t>
    </rPh>
    <rPh sb="9" eb="10">
      <t>スウ</t>
    </rPh>
    <rPh sb="13" eb="15">
      <t>ヒツヨウ</t>
    </rPh>
    <rPh sb="16" eb="18">
      <t>サイヨウ</t>
    </rPh>
    <rPh sb="20" eb="22">
      <t>シセツ</t>
    </rPh>
    <rPh sb="23" eb="24">
      <t>ノゾ</t>
    </rPh>
    <rPh sb="26" eb="28">
      <t>ケンスウ</t>
    </rPh>
    <phoneticPr fontId="9"/>
  </si>
  <si>
    <t>R6.3.31職員数</t>
    <rPh sb="7" eb="10">
      <t>ショクインスウ</t>
    </rPh>
    <phoneticPr fontId="10"/>
  </si>
  <si>
    <t>R5.4.1～R6.3.31の退職者数</t>
    <rPh sb="15" eb="17">
      <t>タイショク</t>
    </rPh>
    <rPh sb="17" eb="18">
      <t>シャ</t>
    </rPh>
    <rPh sb="18" eb="19">
      <t>スウ</t>
    </rPh>
    <phoneticPr fontId="10"/>
  </si>
  <si>
    <t>(R5.4.1職員数＋R6.3.31職員数)/２</t>
    <rPh sb="7" eb="10">
      <t>ショクインスウ</t>
    </rPh>
    <rPh sb="18" eb="21">
      <t>ショクインスウ</t>
    </rPh>
    <phoneticPr fontId="10"/>
  </si>
  <si>
    <t>R5.4.1職員数　</t>
    <rPh sb="6" eb="8">
      <t>ショクイン</t>
    </rPh>
    <rPh sb="8" eb="9">
      <t>スウ</t>
    </rPh>
    <phoneticPr fontId="10"/>
  </si>
  <si>
    <t>合計（人）</t>
    <rPh sb="0" eb="2">
      <t>ゴウケイ</t>
    </rPh>
    <rPh sb="3" eb="4">
      <t>ニン</t>
    </rPh>
    <phoneticPr fontId="10"/>
  </si>
  <si>
    <t>勤務負担</t>
    <rPh sb="0" eb="2">
      <t>キンム</t>
    </rPh>
    <rPh sb="2" eb="4">
      <t>フタン</t>
    </rPh>
    <phoneticPr fontId="9"/>
  </si>
  <si>
    <t>他職種</t>
    <rPh sb="0" eb="1">
      <t>タ</t>
    </rPh>
    <rPh sb="1" eb="3">
      <t>ショクシュ</t>
    </rPh>
    <phoneticPr fontId="9"/>
  </si>
  <si>
    <t>看護職</t>
    <rPh sb="0" eb="3">
      <t>カンゴショク</t>
    </rPh>
    <phoneticPr fontId="9"/>
  </si>
  <si>
    <t>未定</t>
    <rPh sb="0" eb="2">
      <t>ミテイ</t>
    </rPh>
    <phoneticPr fontId="9"/>
  </si>
  <si>
    <t>訪問看護
ステーション</t>
    <rPh sb="0" eb="2">
      <t>ホウモン</t>
    </rPh>
    <rPh sb="2" eb="4">
      <t>カンゴ</t>
    </rPh>
    <phoneticPr fontId="9"/>
  </si>
  <si>
    <t>２．退職理由</t>
    <rPh sb="2" eb="4">
      <t>タイショク</t>
    </rPh>
    <rPh sb="4" eb="6">
      <t>リユウ</t>
    </rPh>
    <phoneticPr fontId="9"/>
  </si>
  <si>
    <t>３．退職後進路</t>
    <rPh sb="2" eb="5">
      <t>タイショクゴ</t>
    </rPh>
    <rPh sb="5" eb="7">
      <t>シンロ</t>
    </rPh>
    <phoneticPr fontId="9"/>
  </si>
  <si>
    <t>（１）　入所定員別　退職後の進路</t>
    <rPh sb="4" eb="6">
      <t>ニュウショ</t>
    </rPh>
    <rPh sb="6" eb="8">
      <t>テイイン</t>
    </rPh>
    <rPh sb="8" eb="9">
      <t>ベツ</t>
    </rPh>
    <rPh sb="10" eb="13">
      <t>タイショクゴ</t>
    </rPh>
    <rPh sb="14" eb="16">
      <t>シンロ</t>
    </rPh>
    <phoneticPr fontId="9"/>
  </si>
  <si>
    <t>（２）　二次医療圏別　退職後の進路</t>
    <rPh sb="4" eb="9">
      <t>ニジイリョウケン</t>
    </rPh>
    <rPh sb="9" eb="10">
      <t>ベツ</t>
    </rPh>
    <rPh sb="11" eb="14">
      <t>タイショクゴ</t>
    </rPh>
    <rPh sb="15" eb="17">
      <t>シンロ</t>
    </rPh>
    <phoneticPr fontId="9"/>
  </si>
  <si>
    <t>（３）　入所定員別　退職後の就職先</t>
    <rPh sb="4" eb="6">
      <t>ニュウショ</t>
    </rPh>
    <rPh sb="6" eb="8">
      <t>テイイン</t>
    </rPh>
    <rPh sb="8" eb="9">
      <t>ベツ</t>
    </rPh>
    <rPh sb="10" eb="13">
      <t>タイショクゴ</t>
    </rPh>
    <rPh sb="14" eb="16">
      <t>シュウショク</t>
    </rPh>
    <rPh sb="16" eb="17">
      <t>サキ</t>
    </rPh>
    <phoneticPr fontId="9"/>
  </si>
  <si>
    <t>（４）　二次医療圏別　退職後の就職先</t>
    <rPh sb="4" eb="9">
      <t>ニジイリョウケン</t>
    </rPh>
    <rPh sb="9" eb="10">
      <t>ベツ</t>
    </rPh>
    <rPh sb="11" eb="14">
      <t>タイショクゴ</t>
    </rPh>
    <rPh sb="15" eb="17">
      <t>シュウショク</t>
    </rPh>
    <rPh sb="17" eb="18">
      <t>サキ</t>
    </rPh>
    <phoneticPr fontId="9"/>
  </si>
  <si>
    <t>（５）　退職後の就職先【県内】の内訳</t>
    <rPh sb="4" eb="7">
      <t>タイショクゴ</t>
    </rPh>
    <rPh sb="8" eb="10">
      <t>シュウショク</t>
    </rPh>
    <rPh sb="10" eb="11">
      <t>サキ</t>
    </rPh>
    <rPh sb="12" eb="13">
      <t>ケン</t>
    </rPh>
    <rPh sb="13" eb="14">
      <t>ナイ</t>
    </rPh>
    <rPh sb="16" eb="18">
      <t>ウチワケ</t>
    </rPh>
    <phoneticPr fontId="9"/>
  </si>
  <si>
    <t>４．経験者採用状況</t>
    <rPh sb="2" eb="5">
      <t>ケイケンシャ</t>
    </rPh>
    <rPh sb="5" eb="7">
      <t>サイヨウ</t>
    </rPh>
    <rPh sb="7" eb="9">
      <t>ジョウキョウ</t>
    </rPh>
    <phoneticPr fontId="10"/>
  </si>
  <si>
    <t>老健</t>
    <rPh sb="0" eb="2">
      <t>ロウケン</t>
    </rPh>
    <phoneticPr fontId="9"/>
  </si>
  <si>
    <t>特養</t>
    <rPh sb="0" eb="2">
      <t>トクヨウ</t>
    </rPh>
    <phoneticPr fontId="9"/>
  </si>
  <si>
    <t>助産師</t>
    <rPh sb="0" eb="2">
      <t>ジョサン</t>
    </rPh>
    <rPh sb="2" eb="3">
      <t>シ</t>
    </rPh>
    <phoneticPr fontId="9"/>
  </si>
  <si>
    <t>（２）　新人看護職員ガイドラインに沿った研修の実施　</t>
    <rPh sb="4" eb="6">
      <t>シンジン</t>
    </rPh>
    <rPh sb="6" eb="8">
      <t>カンゴ</t>
    </rPh>
    <rPh sb="8" eb="10">
      <t>ショクイン</t>
    </rPh>
    <rPh sb="17" eb="18">
      <t>ソ</t>
    </rPh>
    <rPh sb="20" eb="22">
      <t>ケンシュウ</t>
    </rPh>
    <rPh sb="23" eb="25">
      <t>ジッシ</t>
    </rPh>
    <phoneticPr fontId="9"/>
  </si>
  <si>
    <t>（３）　今後の新卒者採用方針　</t>
    <rPh sb="4" eb="6">
      <t>コンゴ</t>
    </rPh>
    <rPh sb="7" eb="9">
      <t>シンソツ</t>
    </rPh>
    <rPh sb="9" eb="10">
      <t>シャ</t>
    </rPh>
    <rPh sb="10" eb="12">
      <t>サイヨウ</t>
    </rPh>
    <rPh sb="12" eb="14">
      <t>ホウシン</t>
    </rPh>
    <phoneticPr fontId="9"/>
  </si>
  <si>
    <t>（４）　新卒者を採用するにあたり必要と考える項目</t>
    <rPh sb="4" eb="6">
      <t>シンソツ</t>
    </rPh>
    <rPh sb="8" eb="10">
      <t>サイヨウ</t>
    </rPh>
    <rPh sb="16" eb="18">
      <t>ヒツヨウ</t>
    </rPh>
    <rPh sb="19" eb="20">
      <t>カンガ</t>
    </rPh>
    <rPh sb="22" eb="24">
      <t>コウモク</t>
    </rPh>
    <phoneticPr fontId="9"/>
  </si>
  <si>
    <t>医療機関連携</t>
    <rPh sb="0" eb="2">
      <t>イリョウ</t>
    </rPh>
    <rPh sb="2" eb="4">
      <t>キカン</t>
    </rPh>
    <rPh sb="4" eb="6">
      <t>レンケイ</t>
    </rPh>
    <phoneticPr fontId="9"/>
  </si>
  <si>
    <t>教育機関連携</t>
    <rPh sb="0" eb="2">
      <t>キョウイク</t>
    </rPh>
    <rPh sb="2" eb="4">
      <t>キカン</t>
    </rPh>
    <rPh sb="4" eb="6">
      <t>レンケイ</t>
    </rPh>
    <phoneticPr fontId="9"/>
  </si>
  <si>
    <t>　 有料職業紹介所</t>
    <rPh sb="2" eb="4">
      <t>ユウリョウ</t>
    </rPh>
    <rPh sb="4" eb="6">
      <t>ショクギョウ</t>
    </rPh>
    <rPh sb="6" eb="8">
      <t>ショウカイ</t>
    </rPh>
    <rPh sb="8" eb="9">
      <t>ジョ</t>
    </rPh>
    <phoneticPr fontId="10"/>
  </si>
  <si>
    <t xml:space="preserve"> 　有料職業紹介所</t>
    <rPh sb="2" eb="4">
      <t>ユウリョウ</t>
    </rPh>
    <rPh sb="4" eb="6">
      <t>ショクギョウ</t>
    </rPh>
    <rPh sb="6" eb="8">
      <t>ショウカイ</t>
    </rPh>
    <rPh sb="8" eb="9">
      <t>ジョ</t>
    </rPh>
    <phoneticPr fontId="10"/>
  </si>
  <si>
    <t>紹介あったが採用至らず</t>
    <rPh sb="0" eb="2">
      <t>ショウカイ</t>
    </rPh>
    <rPh sb="6" eb="8">
      <t>サイヨウ</t>
    </rPh>
    <rPh sb="8" eb="9">
      <t>イタ</t>
    </rPh>
    <phoneticPr fontId="9"/>
  </si>
  <si>
    <t>（１）　令和５年度の職員採用にあたり利用した方法と人数</t>
    <rPh sb="4" eb="6">
      <t>レイワ</t>
    </rPh>
    <rPh sb="7" eb="9">
      <t>ネンド</t>
    </rPh>
    <rPh sb="10" eb="12">
      <t>ショクイン</t>
    </rPh>
    <rPh sb="12" eb="14">
      <t>サイヨウ</t>
    </rPh>
    <rPh sb="18" eb="20">
      <t>リヨウ</t>
    </rPh>
    <rPh sb="22" eb="24">
      <t>ホウホウ</t>
    </rPh>
    <rPh sb="25" eb="27">
      <t>ニンズウ</t>
    </rPh>
    <phoneticPr fontId="9"/>
  </si>
  <si>
    <t>（２）　ナースセンターについて</t>
    <phoneticPr fontId="9"/>
  </si>
  <si>
    <t>８．特定行為研修</t>
    <rPh sb="2" eb="4">
      <t>トクテイ</t>
    </rPh>
    <rPh sb="4" eb="6">
      <t>コウイ</t>
    </rPh>
    <rPh sb="6" eb="8">
      <t>ケンシュウ</t>
    </rPh>
    <phoneticPr fontId="9"/>
  </si>
  <si>
    <t>（１）　特定行為研修修了者</t>
    <rPh sb="4" eb="6">
      <t>トクテイ</t>
    </rPh>
    <rPh sb="6" eb="8">
      <t>コウイ</t>
    </rPh>
    <rPh sb="8" eb="10">
      <t>ケンシュウ</t>
    </rPh>
    <rPh sb="10" eb="13">
      <t>シュウリョウシャ</t>
    </rPh>
    <phoneticPr fontId="9"/>
  </si>
  <si>
    <t>修了者のいる施設</t>
    <rPh sb="0" eb="3">
      <t>シュウリョウシャ</t>
    </rPh>
    <rPh sb="6" eb="8">
      <t>シセツ</t>
    </rPh>
    <phoneticPr fontId="10"/>
  </si>
  <si>
    <t>割合</t>
    <rPh sb="0" eb="2">
      <t>ワリアイ</t>
    </rPh>
    <phoneticPr fontId="10"/>
  </si>
  <si>
    <t>修了者数</t>
    <rPh sb="0" eb="2">
      <t>シュウリョウ</t>
    </rPh>
    <rPh sb="2" eb="3">
      <t>シャ</t>
    </rPh>
    <rPh sb="3" eb="4">
      <t>スウ</t>
    </rPh>
    <phoneticPr fontId="10"/>
  </si>
  <si>
    <t>　　　特定行為区分</t>
    <phoneticPr fontId="10"/>
  </si>
  <si>
    <t>小計（延べ）</t>
    <rPh sb="0" eb="2">
      <t>ショウケイ</t>
    </rPh>
    <rPh sb="3" eb="4">
      <t>ノ</t>
    </rPh>
    <phoneticPr fontId="11"/>
  </si>
  <si>
    <t>領域別パッケージ区分</t>
    <rPh sb="0" eb="2">
      <t>リョウイキ</t>
    </rPh>
    <rPh sb="2" eb="3">
      <t>ベツ</t>
    </rPh>
    <rPh sb="8" eb="10">
      <t>クブン</t>
    </rPh>
    <phoneticPr fontId="10"/>
  </si>
  <si>
    <t>在宅・慢性期領域</t>
    <rPh sb="0" eb="2">
      <t>ザイタク</t>
    </rPh>
    <rPh sb="3" eb="6">
      <t>マンセイキ</t>
    </rPh>
    <rPh sb="6" eb="8">
      <t>リョウイキ</t>
    </rPh>
    <phoneticPr fontId="10"/>
  </si>
  <si>
    <t>外科術後病棟管理領域</t>
    <rPh sb="0" eb="2">
      <t>ゲカ</t>
    </rPh>
    <rPh sb="2" eb="4">
      <t>ジュツゴ</t>
    </rPh>
    <rPh sb="4" eb="6">
      <t>ビョウトウ</t>
    </rPh>
    <rPh sb="6" eb="8">
      <t>カンリ</t>
    </rPh>
    <rPh sb="8" eb="10">
      <t>リョウイキ</t>
    </rPh>
    <phoneticPr fontId="10"/>
  </si>
  <si>
    <t>術中麻酔管理領域</t>
    <rPh sb="0" eb="2">
      <t>ジュツチュウ</t>
    </rPh>
    <rPh sb="2" eb="4">
      <t>マスイ</t>
    </rPh>
    <rPh sb="4" eb="6">
      <t>カンリ</t>
    </rPh>
    <rPh sb="6" eb="8">
      <t>リョウイキ</t>
    </rPh>
    <phoneticPr fontId="10"/>
  </si>
  <si>
    <t>救急領域</t>
    <rPh sb="0" eb="2">
      <t>キュウキュウ</t>
    </rPh>
    <rPh sb="2" eb="4">
      <t>リョウイキ</t>
    </rPh>
    <phoneticPr fontId="10"/>
  </si>
  <si>
    <t>外科系基本領域</t>
    <rPh sb="0" eb="2">
      <t>ゲカ</t>
    </rPh>
    <rPh sb="2" eb="3">
      <t>ケイ</t>
    </rPh>
    <rPh sb="3" eb="5">
      <t>キホン</t>
    </rPh>
    <rPh sb="5" eb="7">
      <t>リョウイキ</t>
    </rPh>
    <phoneticPr fontId="11"/>
  </si>
  <si>
    <t>集中治療領域</t>
    <rPh sb="0" eb="2">
      <t>シュウチュウ</t>
    </rPh>
    <rPh sb="2" eb="4">
      <t>チリョウ</t>
    </rPh>
    <rPh sb="4" eb="6">
      <t>リョウイキ</t>
    </rPh>
    <phoneticPr fontId="10"/>
  </si>
  <si>
    <t>修了者合計　特定行為区分+領域別（延べ）</t>
    <rPh sb="0" eb="3">
      <t>シュウリョウシャ</t>
    </rPh>
    <rPh sb="3" eb="5">
      <t>ゴウケイ</t>
    </rPh>
    <rPh sb="6" eb="8">
      <t>トクテイ</t>
    </rPh>
    <rPh sb="8" eb="10">
      <t>コウイ</t>
    </rPh>
    <rPh sb="10" eb="12">
      <t>クブン</t>
    </rPh>
    <rPh sb="13" eb="15">
      <t>リョウイキ</t>
    </rPh>
    <rPh sb="15" eb="16">
      <t>ベツ</t>
    </rPh>
    <rPh sb="17" eb="18">
      <t>ノ</t>
    </rPh>
    <phoneticPr fontId="10"/>
  </si>
  <si>
    <t>老健</t>
    <rPh sb="0" eb="2">
      <t>ロウケン</t>
    </rPh>
    <phoneticPr fontId="11"/>
  </si>
  <si>
    <t>（１）　入所定員数別　離職率</t>
    <rPh sb="4" eb="6">
      <t>ニュウショ</t>
    </rPh>
    <rPh sb="6" eb="8">
      <t>テイイン</t>
    </rPh>
    <rPh sb="8" eb="9">
      <t>スウ</t>
    </rPh>
    <rPh sb="9" eb="10">
      <t>ベツ</t>
    </rPh>
    <rPh sb="11" eb="14">
      <t>リショクリツ</t>
    </rPh>
    <phoneticPr fontId="9"/>
  </si>
  <si>
    <t>（２）　職種別　離職率</t>
    <rPh sb="4" eb="7">
      <t>ショクシュベツ</t>
    </rPh>
    <rPh sb="8" eb="11">
      <t>リショクリツ</t>
    </rPh>
    <phoneticPr fontId="9"/>
  </si>
  <si>
    <t>（３）　二次医療圏別　離職率</t>
    <rPh sb="4" eb="6">
      <t>ニジ</t>
    </rPh>
    <rPh sb="6" eb="8">
      <t>イリョウ</t>
    </rPh>
    <rPh sb="8" eb="9">
      <t>ケン</t>
    </rPh>
    <rPh sb="9" eb="10">
      <t>ベツ</t>
    </rPh>
    <rPh sb="11" eb="14">
      <t>リショクリツ</t>
    </rPh>
    <phoneticPr fontId="9"/>
  </si>
  <si>
    <t>（１）　経験者採用数</t>
    <rPh sb="4" eb="7">
      <t>ケイケンシャ</t>
    </rPh>
    <rPh sb="7" eb="9">
      <t>サイヨウ</t>
    </rPh>
    <rPh sb="9" eb="10">
      <t>スウ</t>
    </rPh>
    <phoneticPr fontId="10"/>
  </si>
  <si>
    <t>（２）　定年後雇用者数</t>
    <rPh sb="4" eb="7">
      <t>テイネンゴ</t>
    </rPh>
    <rPh sb="7" eb="9">
      <t>コヨウ</t>
    </rPh>
    <rPh sb="9" eb="10">
      <t>シャ</t>
    </rPh>
    <rPh sb="10" eb="11">
      <t>スウ</t>
    </rPh>
    <phoneticPr fontId="10"/>
  </si>
  <si>
    <t>（３）　未就業であった期間</t>
    <rPh sb="4" eb="7">
      <t>ミシュウギョウ</t>
    </rPh>
    <rPh sb="11" eb="13">
      <t>キカン</t>
    </rPh>
    <phoneticPr fontId="9"/>
  </si>
  <si>
    <t>５．新卒新採用状況</t>
    <rPh sb="2" eb="4">
      <t>シンソツ</t>
    </rPh>
    <rPh sb="4" eb="7">
      <t>シンサイヨウ</t>
    </rPh>
    <rPh sb="7" eb="9">
      <t>ジョウキョウ</t>
    </rPh>
    <phoneticPr fontId="9"/>
  </si>
  <si>
    <t>（１）　新卒新採用者数</t>
    <rPh sb="4" eb="6">
      <t>シンソツ</t>
    </rPh>
    <rPh sb="6" eb="8">
      <t>シンサイ</t>
    </rPh>
    <rPh sb="8" eb="9">
      <t>ヨウ</t>
    </rPh>
    <rPh sb="9" eb="10">
      <t>シャ</t>
    </rPh>
    <rPh sb="10" eb="11">
      <t>スウ</t>
    </rPh>
    <phoneticPr fontId="9"/>
  </si>
  <si>
    <t>６．職員採用方法</t>
    <rPh sb="2" eb="4">
      <t>ショクイン</t>
    </rPh>
    <rPh sb="4" eb="6">
      <t>サイヨウ</t>
    </rPh>
    <rPh sb="6" eb="8">
      <t>ホウホウ</t>
    </rPh>
    <phoneticPr fontId="9"/>
  </si>
  <si>
    <t>７．令和６年度採用状況</t>
    <rPh sb="2" eb="4">
      <t>レイワ</t>
    </rPh>
    <rPh sb="5" eb="7">
      <t>ネンド</t>
    </rPh>
    <rPh sb="6" eb="7">
      <t>ド</t>
    </rPh>
    <rPh sb="7" eb="9">
      <t>サイヨウ</t>
    </rPh>
    <rPh sb="9" eb="11">
      <t>ジョウキョウ</t>
    </rPh>
    <phoneticPr fontId="9"/>
  </si>
  <si>
    <t>（１）　入所定員数別　採用状況</t>
    <rPh sb="4" eb="6">
      <t>ニュウショ</t>
    </rPh>
    <rPh sb="6" eb="8">
      <t>テイイン</t>
    </rPh>
    <rPh sb="8" eb="9">
      <t>スウ</t>
    </rPh>
    <rPh sb="9" eb="10">
      <t>ベツ</t>
    </rPh>
    <rPh sb="11" eb="13">
      <t>サイヨウ</t>
    </rPh>
    <rPh sb="13" eb="15">
      <t>ジョウキョウ</t>
    </rPh>
    <phoneticPr fontId="9"/>
  </si>
  <si>
    <t>（２）　二次医療圏別　採用状況</t>
    <rPh sb="4" eb="6">
      <t>ニジ</t>
    </rPh>
    <rPh sb="6" eb="8">
      <t>イリョウ</t>
    </rPh>
    <rPh sb="8" eb="9">
      <t>ケン</t>
    </rPh>
    <rPh sb="9" eb="10">
      <t>ベツ</t>
    </rPh>
    <rPh sb="11" eb="13">
      <t>サイヨウ</t>
    </rPh>
    <rPh sb="13" eb="15">
      <t>ジョウキョウ</t>
    </rPh>
    <phoneticPr fontId="9"/>
  </si>
  <si>
    <t>必要とするケアがない、医師がおり必要ない</t>
    <rPh sb="0" eb="2">
      <t>ヒツヨウ</t>
    </rPh>
    <rPh sb="11" eb="13">
      <t>イシ</t>
    </rPh>
    <rPh sb="16" eb="18">
      <t>ヒツヨウ</t>
    </rPh>
    <phoneticPr fontId="1"/>
  </si>
  <si>
    <t>修了しても給与に反映されない</t>
    <rPh sb="0" eb="2">
      <t>シュウリョウ</t>
    </rPh>
    <rPh sb="5" eb="7">
      <t>キュウヨ</t>
    </rPh>
    <rPh sb="8" eb="10">
      <t>ハンエイ</t>
    </rPh>
    <phoneticPr fontId="1"/>
  </si>
  <si>
    <t>配置しても加算が得られない</t>
    <rPh sb="0" eb="2">
      <t>ハイチ</t>
    </rPh>
    <rPh sb="5" eb="7">
      <t>カサン</t>
    </rPh>
    <rPh sb="8" eb="9">
      <t>エ</t>
    </rPh>
    <phoneticPr fontId="1"/>
  </si>
  <si>
    <t>関連病院で研修があれば参加したい</t>
    <rPh sb="0" eb="2">
      <t>カンレン</t>
    </rPh>
    <rPh sb="2" eb="4">
      <t>ビョウイン</t>
    </rPh>
    <rPh sb="5" eb="7">
      <t>ケンシュウ</t>
    </rPh>
    <rPh sb="11" eb="13">
      <t>サンカ</t>
    </rPh>
    <phoneticPr fontId="1"/>
  </si>
  <si>
    <t>その他</t>
    <rPh sb="2" eb="3">
      <t>ホカ</t>
    </rPh>
    <phoneticPr fontId="1"/>
  </si>
  <si>
    <t>-</t>
    <phoneticPr fontId="9"/>
  </si>
  <si>
    <t>家族の
健康・介護</t>
    <rPh sb="0" eb="2">
      <t>カゾク</t>
    </rPh>
    <rPh sb="4" eb="6">
      <t>ケンコウ</t>
    </rPh>
    <rPh sb="7" eb="9">
      <t>カイゴ</t>
    </rPh>
    <phoneticPr fontId="9"/>
  </si>
  <si>
    <t>病院・診療所</t>
    <rPh sb="0" eb="2">
      <t>ビョウイン</t>
    </rPh>
    <rPh sb="3" eb="6">
      <t>シンリョウジョ</t>
    </rPh>
    <phoneticPr fontId="9"/>
  </si>
  <si>
    <t>教育・育成制度がない</t>
    <rPh sb="0" eb="2">
      <t>キョウイク</t>
    </rPh>
    <rPh sb="3" eb="5">
      <t>イクセイ</t>
    </rPh>
    <rPh sb="5" eb="7">
      <t>セイド</t>
    </rPh>
    <phoneticPr fontId="10"/>
  </si>
  <si>
    <t>経験が必要</t>
    <rPh sb="0" eb="2">
      <t>ケイケン</t>
    </rPh>
    <rPh sb="3" eb="5">
      <t>ヒツヨウ</t>
    </rPh>
    <phoneticPr fontId="10"/>
  </si>
  <si>
    <t>派遣職員を直接雇用</t>
    <rPh sb="0" eb="2">
      <t>ハケン</t>
    </rPh>
    <rPh sb="2" eb="4">
      <t>ショクイン</t>
    </rPh>
    <rPh sb="5" eb="7">
      <t>チョクセツ</t>
    </rPh>
    <rPh sb="7" eb="9">
      <t>コヨウ</t>
    </rPh>
    <phoneticPr fontId="1"/>
  </si>
  <si>
    <t>系列施設の応援</t>
    <rPh sb="0" eb="2">
      <t>ケイレツ</t>
    </rPh>
    <rPh sb="2" eb="4">
      <t>シセツ</t>
    </rPh>
    <rPh sb="5" eb="7">
      <t>オウエン</t>
    </rPh>
    <phoneticPr fontId="1"/>
  </si>
  <si>
    <t>Instagram</t>
  </si>
  <si>
    <t>パート職員を常勤職員として雇用</t>
    <rPh sb="3" eb="5">
      <t>ショクイン</t>
    </rPh>
    <rPh sb="6" eb="8">
      <t>ジョウキン</t>
    </rPh>
    <rPh sb="8" eb="10">
      <t>ショクイン</t>
    </rPh>
    <rPh sb="13" eb="15">
      <t>コヨウ</t>
    </rPh>
    <phoneticPr fontId="1"/>
  </si>
  <si>
    <t>前職者からの紹介</t>
    <rPh sb="0" eb="2">
      <t>ゼンショク</t>
    </rPh>
    <rPh sb="2" eb="3">
      <t>シャ</t>
    </rPh>
    <rPh sb="6" eb="8">
      <t>ショウカイ</t>
    </rPh>
    <phoneticPr fontId="1"/>
  </si>
  <si>
    <t>直接問合せ</t>
    <rPh sb="0" eb="2">
      <t>チョクセツ</t>
    </rPh>
    <rPh sb="2" eb="4">
      <t>トイアワ</t>
    </rPh>
    <phoneticPr fontId="1"/>
  </si>
  <si>
    <t>法人・グループの一括採用のため利用機会がない</t>
    <rPh sb="0" eb="2">
      <t>ホウジン</t>
    </rPh>
    <rPh sb="8" eb="10">
      <t>イッカツ</t>
    </rPh>
    <rPh sb="10" eb="12">
      <t>サイヨウ</t>
    </rPh>
    <rPh sb="15" eb="17">
      <t>リヨウ</t>
    </rPh>
    <rPh sb="17" eb="19">
      <t>キカイ</t>
    </rPh>
    <phoneticPr fontId="1"/>
  </si>
  <si>
    <t>NCやハローワークの利用は一般的ではない</t>
    <rPh sb="10" eb="12">
      <t>リヨウ</t>
    </rPh>
    <rPh sb="13" eb="16">
      <t>イッパンテキ</t>
    </rPh>
    <phoneticPr fontId="1"/>
  </si>
  <si>
    <t>採用自体がなかった</t>
    <rPh sb="0" eb="2">
      <t>サイヨウ</t>
    </rPh>
    <rPh sb="2" eb="4">
      <t>ジタイ</t>
    </rPh>
    <phoneticPr fontId="1"/>
  </si>
  <si>
    <t>特に理由なし</t>
    <rPh sb="0" eb="1">
      <t>トク</t>
    </rPh>
    <rPh sb="2" eb="4">
      <t>リユウ</t>
    </rPh>
    <phoneticPr fontId="1"/>
  </si>
  <si>
    <t>身体不調</t>
    <rPh sb="0" eb="2">
      <t>シンタイ</t>
    </rPh>
    <rPh sb="2" eb="4">
      <t>フチョウ</t>
    </rPh>
    <phoneticPr fontId="9"/>
  </si>
  <si>
    <t>給与
福利厚生</t>
    <rPh sb="0" eb="2">
      <t>キュウヨ</t>
    </rPh>
    <rPh sb="3" eb="5">
      <t>フクリ</t>
    </rPh>
    <rPh sb="5" eb="7">
      <t>コウセイ</t>
    </rPh>
    <phoneticPr fontId="9"/>
  </si>
  <si>
    <t>その他（異動・
他施設転職含）</t>
    <rPh sb="2" eb="3">
      <t>ホカ</t>
    </rPh>
    <rPh sb="4" eb="6">
      <t>イドウ</t>
    </rPh>
    <rPh sb="8" eb="9">
      <t>タ</t>
    </rPh>
    <rPh sb="9" eb="11">
      <t>シセツ</t>
    </rPh>
    <rPh sb="11" eb="13">
      <t>テンショク</t>
    </rPh>
    <rPh sb="13" eb="14">
      <t>フク</t>
    </rPh>
    <phoneticPr fontId="23"/>
  </si>
  <si>
    <t>メンタル不調</t>
    <rPh sb="4" eb="6">
      <t>フチョウ</t>
    </rPh>
    <phoneticPr fontId="9"/>
  </si>
  <si>
    <t>不明(未把握
ほか）</t>
    <rPh sb="0" eb="2">
      <t>フメイ</t>
    </rPh>
    <rPh sb="3" eb="4">
      <t>ミ</t>
    </rPh>
    <rPh sb="4" eb="6">
      <t>ハアク</t>
    </rPh>
    <phoneticPr fontId="9"/>
  </si>
  <si>
    <t>妊娠
出産子育て</t>
    <rPh sb="0" eb="2">
      <t>ニンシン</t>
    </rPh>
    <rPh sb="3" eb="5">
      <t>シュッサン</t>
    </rPh>
    <rPh sb="5" eb="7">
      <t>コソダ</t>
    </rPh>
    <phoneticPr fontId="9"/>
  </si>
  <si>
    <t>老健</t>
    <rPh sb="0" eb="2">
      <t>ロウケン</t>
    </rPh>
    <phoneticPr fontId="9"/>
  </si>
  <si>
    <t>特養</t>
    <rPh sb="0" eb="2">
      <t>トクヨウ</t>
    </rPh>
    <phoneticPr fontId="9"/>
  </si>
  <si>
    <t>合　計</t>
    <phoneticPr fontId="9"/>
  </si>
  <si>
    <t>（２）　その他の内訳</t>
    <rPh sb="6" eb="7">
      <t>ホカ</t>
    </rPh>
    <rPh sb="8" eb="10">
      <t>ウチワケ</t>
    </rPh>
    <phoneticPr fontId="9"/>
  </si>
  <si>
    <t>法人・グループの採用方針・配属による　等</t>
    <rPh sb="0" eb="2">
      <t>ホウジン</t>
    </rPh>
    <rPh sb="8" eb="10">
      <t>サイヨウ</t>
    </rPh>
    <rPh sb="10" eb="12">
      <t>ホウシン</t>
    </rPh>
    <rPh sb="13" eb="15">
      <t>ハイゾク</t>
    </rPh>
    <rPh sb="19" eb="20">
      <t>トウ</t>
    </rPh>
    <phoneticPr fontId="10"/>
  </si>
  <si>
    <t>（２）　修了者がいない理由</t>
    <rPh sb="4" eb="6">
      <t>シュウリョウ</t>
    </rPh>
    <rPh sb="6" eb="7">
      <t>シャ</t>
    </rPh>
    <rPh sb="11" eb="13">
      <t>リユウ</t>
    </rPh>
    <phoneticPr fontId="10"/>
  </si>
  <si>
    <t>（３）　研修修了者の特定行為区分別人数</t>
    <rPh sb="4" eb="6">
      <t>ケンシュウ</t>
    </rPh>
    <rPh sb="6" eb="9">
      <t>シュウリョウシャ</t>
    </rPh>
    <rPh sb="10" eb="12">
      <t>トクテイ</t>
    </rPh>
    <rPh sb="12" eb="14">
      <t>コウイ</t>
    </rPh>
    <rPh sb="14" eb="16">
      <t>クブン</t>
    </rPh>
    <rPh sb="16" eb="17">
      <t>ベツ</t>
    </rPh>
    <rPh sb="17" eb="19">
      <t>ニンズウ</t>
    </rPh>
    <phoneticPr fontId="9"/>
  </si>
  <si>
    <t>-</t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.0%"/>
    <numFmt numFmtId="177" formatCode="#,##0.0;[Red]\-#,##0.0"/>
  </numFmts>
  <fonts count="24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11"/>
      <name val="ＭＳ Ｐ明朝"/>
      <family val="1"/>
      <charset val="128"/>
    </font>
    <font>
      <b/>
      <sz val="12"/>
      <name val="ＭＳ Ｐ明朝"/>
      <family val="1"/>
      <charset val="128"/>
    </font>
    <font>
      <sz val="12"/>
      <name val="ＭＳ Ｐ明朝"/>
      <family val="1"/>
      <charset val="128"/>
    </font>
    <font>
      <sz val="14"/>
      <name val="ＭＳ Ｐ明朝"/>
      <family val="1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sz val="9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ゴシック"/>
      <family val="3"/>
      <charset val="128"/>
      <scheme val="minor"/>
    </font>
    <font>
      <sz val="12"/>
      <color theme="1"/>
      <name val="ＭＳ Ｐ明朝"/>
      <family val="1"/>
      <charset val="128"/>
    </font>
    <font>
      <b/>
      <sz val="14"/>
      <color rgb="FFFF0000"/>
      <name val="ＭＳ Ｐ明朝"/>
      <family val="1"/>
      <charset val="128"/>
    </font>
    <font>
      <b/>
      <sz val="14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auto="1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double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double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auto="1"/>
      </left>
      <right style="double">
        <color auto="1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 style="thin">
        <color auto="1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 style="double">
        <color indexed="64"/>
      </left>
      <right style="medium">
        <color indexed="64"/>
      </right>
      <top style="double">
        <color indexed="64"/>
      </top>
      <bottom/>
      <diagonal/>
    </border>
    <border>
      <left style="double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4">
    <xf numFmtId="0" fontId="0" fillId="0" borderId="0">
      <alignment vertical="center"/>
    </xf>
    <xf numFmtId="38" fontId="8" fillId="0" borderId="0" applyFont="0" applyFill="0" applyBorder="0" applyAlignment="0" applyProtection="0">
      <alignment vertical="center"/>
    </xf>
    <xf numFmtId="9" fontId="8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7" fillId="0" borderId="0">
      <alignment vertical="center"/>
    </xf>
    <xf numFmtId="9" fontId="7" fillId="0" borderId="0" applyFont="0" applyFill="0" applyBorder="0" applyAlignment="0" applyProtection="0">
      <alignment vertical="center"/>
    </xf>
    <xf numFmtId="0" fontId="6" fillId="0" borderId="0">
      <alignment vertical="center"/>
    </xf>
    <xf numFmtId="0" fontId="5" fillId="0" borderId="0">
      <alignment vertical="center"/>
    </xf>
    <xf numFmtId="0" fontId="8" fillId="0" borderId="0">
      <alignment vertical="center"/>
    </xf>
    <xf numFmtId="0" fontId="4" fillId="0" borderId="0">
      <alignment vertical="center"/>
    </xf>
    <xf numFmtId="0" fontId="3" fillId="0" borderId="0">
      <alignment vertical="center"/>
    </xf>
    <xf numFmtId="0" fontId="2" fillId="0" borderId="0">
      <alignment vertical="center"/>
    </xf>
    <xf numFmtId="0" fontId="8" fillId="0" borderId="0"/>
    <xf numFmtId="0" fontId="1" fillId="0" borderId="0">
      <alignment vertical="center"/>
    </xf>
  </cellStyleXfs>
  <cellXfs count="458">
    <xf numFmtId="0" fontId="0" fillId="0" borderId="0" xfId="0">
      <alignment vertical="center"/>
    </xf>
    <xf numFmtId="38" fontId="14" fillId="0" borderId="3" xfId="1" applyFont="1" applyFill="1" applyBorder="1">
      <alignment vertical="center"/>
    </xf>
    <xf numFmtId="38" fontId="14" fillId="0" borderId="4" xfId="1" applyFont="1" applyFill="1" applyBorder="1">
      <alignment vertical="center"/>
    </xf>
    <xf numFmtId="176" fontId="14" fillId="0" borderId="17" xfId="2" applyNumberFormat="1" applyFont="1" applyFill="1" applyBorder="1" applyAlignment="1">
      <alignment horizontal="right" vertical="center"/>
    </xf>
    <xf numFmtId="38" fontId="14" fillId="0" borderId="16" xfId="1" applyFont="1" applyFill="1" applyBorder="1">
      <alignment vertical="center"/>
    </xf>
    <xf numFmtId="38" fontId="14" fillId="0" borderId="18" xfId="1" applyFont="1" applyFill="1" applyBorder="1">
      <alignment vertical="center"/>
    </xf>
    <xf numFmtId="38" fontId="14" fillId="0" borderId="1" xfId="1" applyFont="1" applyFill="1" applyBorder="1">
      <alignment vertical="center"/>
    </xf>
    <xf numFmtId="38" fontId="14" fillId="0" borderId="20" xfId="1" applyFont="1" applyFill="1" applyBorder="1">
      <alignment vertical="center"/>
    </xf>
    <xf numFmtId="38" fontId="14" fillId="0" borderId="22" xfId="1" applyFont="1" applyFill="1" applyBorder="1">
      <alignment vertical="center"/>
    </xf>
    <xf numFmtId="38" fontId="14" fillId="0" borderId="49" xfId="1" applyFont="1" applyFill="1" applyBorder="1">
      <alignment vertical="center"/>
    </xf>
    <xf numFmtId="176" fontId="14" fillId="0" borderId="54" xfId="2" applyNumberFormat="1" applyFont="1" applyFill="1" applyBorder="1" applyAlignment="1">
      <alignment horizontal="right" vertical="center"/>
    </xf>
    <xf numFmtId="38" fontId="14" fillId="0" borderId="0" xfId="1" applyFont="1" applyFill="1" applyBorder="1">
      <alignment vertical="center"/>
    </xf>
    <xf numFmtId="176" fontId="14" fillId="0" borderId="0" xfId="2" applyNumberFormat="1" applyFont="1" applyFill="1" applyBorder="1">
      <alignment vertical="center"/>
    </xf>
    <xf numFmtId="176" fontId="14" fillId="0" borderId="14" xfId="2" applyNumberFormat="1" applyFont="1" applyFill="1" applyBorder="1" applyAlignment="1">
      <alignment horizontal="right" vertical="center"/>
    </xf>
    <xf numFmtId="38" fontId="14" fillId="0" borderId="40" xfId="1" applyFont="1" applyFill="1" applyBorder="1">
      <alignment vertical="center"/>
    </xf>
    <xf numFmtId="38" fontId="14" fillId="0" borderId="21" xfId="1" applyFont="1" applyFill="1" applyBorder="1">
      <alignment vertical="center"/>
    </xf>
    <xf numFmtId="38" fontId="14" fillId="0" borderId="55" xfId="1" applyFont="1" applyFill="1" applyBorder="1">
      <alignment vertical="center"/>
    </xf>
    <xf numFmtId="38" fontId="14" fillId="0" borderId="69" xfId="1" applyFont="1" applyFill="1" applyBorder="1">
      <alignment vertical="center"/>
    </xf>
    <xf numFmtId="38" fontId="14" fillId="0" borderId="45" xfId="1" applyFont="1" applyFill="1" applyBorder="1">
      <alignment vertical="center"/>
    </xf>
    <xf numFmtId="176" fontId="14" fillId="0" borderId="63" xfId="2" applyNumberFormat="1" applyFont="1" applyFill="1" applyBorder="1" applyAlignment="1">
      <alignment vertical="center"/>
    </xf>
    <xf numFmtId="176" fontId="14" fillId="0" borderId="81" xfId="2" applyNumberFormat="1" applyFont="1" applyFill="1" applyBorder="1" applyAlignment="1">
      <alignment vertical="center"/>
    </xf>
    <xf numFmtId="176" fontId="14" fillId="0" borderId="64" xfId="2" applyNumberFormat="1" applyFont="1" applyFill="1" applyBorder="1" applyAlignment="1">
      <alignment vertical="center"/>
    </xf>
    <xf numFmtId="9" fontId="14" fillId="0" borderId="0" xfId="2" applyFont="1" applyFill="1">
      <alignment vertical="center"/>
    </xf>
    <xf numFmtId="176" fontId="14" fillId="0" borderId="52" xfId="2" applyNumberFormat="1" applyFont="1" applyFill="1" applyBorder="1" applyAlignment="1">
      <alignment horizontal="right" vertical="center"/>
    </xf>
    <xf numFmtId="176" fontId="14" fillId="0" borderId="63" xfId="2" applyNumberFormat="1" applyFont="1" applyFill="1" applyBorder="1" applyAlignment="1">
      <alignment horizontal="right" vertical="center"/>
    </xf>
    <xf numFmtId="38" fontId="14" fillId="0" borderId="113" xfId="1" applyFont="1" applyFill="1" applyBorder="1" applyAlignment="1">
      <alignment horizontal="right" vertical="center"/>
    </xf>
    <xf numFmtId="176" fontId="14" fillId="0" borderId="51" xfId="2" applyNumberFormat="1" applyFont="1" applyFill="1" applyBorder="1" applyAlignment="1">
      <alignment horizontal="right" vertical="center"/>
    </xf>
    <xf numFmtId="176" fontId="14" fillId="0" borderId="120" xfId="2" applyNumberFormat="1" applyFont="1" applyFill="1" applyBorder="1" applyAlignment="1">
      <alignment horizontal="right" vertical="center"/>
    </xf>
    <xf numFmtId="176" fontId="14" fillId="0" borderId="53" xfId="2" applyNumberFormat="1" applyFont="1" applyFill="1" applyBorder="1" applyAlignment="1">
      <alignment horizontal="right" vertical="center"/>
    </xf>
    <xf numFmtId="176" fontId="14" fillId="0" borderId="49" xfId="2" applyNumberFormat="1" applyFont="1" applyFill="1" applyBorder="1" applyAlignment="1" applyProtection="1">
      <alignment horizontal="right" vertical="center"/>
    </xf>
    <xf numFmtId="176" fontId="14" fillId="0" borderId="7" xfId="2" applyNumberFormat="1" applyFont="1" applyFill="1" applyBorder="1" applyAlignment="1" applyProtection="1">
      <alignment horizontal="right" vertical="center"/>
    </xf>
    <xf numFmtId="176" fontId="14" fillId="0" borderId="63" xfId="2" applyNumberFormat="1" applyFont="1" applyFill="1" applyBorder="1" applyAlignment="1" applyProtection="1">
      <alignment horizontal="right" vertical="center"/>
    </xf>
    <xf numFmtId="176" fontId="14" fillId="0" borderId="93" xfId="2" applyNumberFormat="1" applyFont="1" applyFill="1" applyBorder="1" applyAlignment="1" applyProtection="1">
      <alignment horizontal="right" vertical="center"/>
    </xf>
    <xf numFmtId="176" fontId="14" fillId="0" borderId="54" xfId="2" applyNumberFormat="1" applyFont="1" applyFill="1" applyBorder="1" applyAlignment="1" applyProtection="1">
      <alignment horizontal="right" vertical="center"/>
    </xf>
    <xf numFmtId="176" fontId="14" fillId="0" borderId="78" xfId="2" applyNumberFormat="1" applyFont="1" applyFill="1" applyBorder="1" applyAlignment="1" applyProtection="1">
      <alignment horizontal="right" vertical="center"/>
    </xf>
    <xf numFmtId="176" fontId="14" fillId="0" borderId="64" xfId="2" applyNumberFormat="1" applyFont="1" applyFill="1" applyBorder="1" applyAlignment="1" applyProtection="1">
      <alignment horizontal="right" vertical="center"/>
    </xf>
    <xf numFmtId="176" fontId="14" fillId="0" borderId="94" xfId="2" applyNumberFormat="1" applyFont="1" applyFill="1" applyBorder="1" applyAlignment="1" applyProtection="1">
      <alignment horizontal="right" vertical="center"/>
    </xf>
    <xf numFmtId="176" fontId="14" fillId="0" borderId="81" xfId="2" applyNumberFormat="1" applyFont="1" applyFill="1" applyBorder="1" applyAlignment="1">
      <alignment horizontal="right" vertical="center"/>
    </xf>
    <xf numFmtId="176" fontId="14" fillId="0" borderId="84" xfId="2" applyNumberFormat="1" applyFont="1" applyFill="1" applyBorder="1" applyAlignment="1">
      <alignment horizontal="right" vertical="center"/>
    </xf>
    <xf numFmtId="177" fontId="14" fillId="0" borderId="4" xfId="1" applyNumberFormat="1" applyFont="1" applyFill="1" applyBorder="1">
      <alignment vertical="center"/>
    </xf>
    <xf numFmtId="177" fontId="14" fillId="0" borderId="22" xfId="1" applyNumberFormat="1" applyFont="1" applyFill="1" applyBorder="1">
      <alignment vertical="center"/>
    </xf>
    <xf numFmtId="177" fontId="14" fillId="0" borderId="2" xfId="1" applyNumberFormat="1" applyFont="1" applyFill="1" applyBorder="1">
      <alignment vertical="center"/>
    </xf>
    <xf numFmtId="177" fontId="14" fillId="0" borderId="1" xfId="1" applyNumberFormat="1" applyFont="1" applyFill="1" applyBorder="1">
      <alignment vertical="center"/>
    </xf>
    <xf numFmtId="38" fontId="14" fillId="0" borderId="46" xfId="1" applyFont="1" applyFill="1" applyBorder="1">
      <alignment vertical="center"/>
    </xf>
    <xf numFmtId="177" fontId="14" fillId="0" borderId="46" xfId="1" applyNumberFormat="1" applyFont="1" applyFill="1" applyBorder="1">
      <alignment vertical="center"/>
    </xf>
    <xf numFmtId="38" fontId="14" fillId="0" borderId="41" xfId="1" applyFont="1" applyFill="1" applyBorder="1">
      <alignment vertical="center"/>
    </xf>
    <xf numFmtId="38" fontId="14" fillId="0" borderId="93" xfId="1" applyFont="1" applyFill="1" applyBorder="1">
      <alignment vertical="center"/>
    </xf>
    <xf numFmtId="177" fontId="14" fillId="0" borderId="93" xfId="1" applyNumberFormat="1" applyFont="1" applyFill="1" applyBorder="1">
      <alignment vertical="center"/>
    </xf>
    <xf numFmtId="176" fontId="14" fillId="0" borderId="94" xfId="2" applyNumberFormat="1" applyFont="1" applyFill="1" applyBorder="1" applyAlignment="1">
      <alignment horizontal="right" vertical="center"/>
    </xf>
    <xf numFmtId="38" fontId="14" fillId="0" borderId="78" xfId="1" applyFont="1" applyFill="1" applyBorder="1" applyAlignment="1">
      <alignment horizontal="center" vertical="center"/>
    </xf>
    <xf numFmtId="176" fontId="14" fillId="0" borderId="18" xfId="2" applyNumberFormat="1" applyFont="1" applyFill="1" applyBorder="1" applyAlignment="1">
      <alignment horizontal="right" vertical="center"/>
    </xf>
    <xf numFmtId="176" fontId="14" fillId="0" borderId="40" xfId="2" applyNumberFormat="1" applyFont="1" applyFill="1" applyBorder="1" applyAlignment="1">
      <alignment horizontal="right" vertical="center"/>
    </xf>
    <xf numFmtId="176" fontId="14" fillId="0" borderId="7" xfId="2" applyNumberFormat="1" applyFont="1" applyFill="1" applyBorder="1" applyAlignment="1">
      <alignment horizontal="right" vertical="center"/>
    </xf>
    <xf numFmtId="176" fontId="14" fillId="0" borderId="77" xfId="2" applyNumberFormat="1" applyFont="1" applyFill="1" applyBorder="1" applyAlignment="1">
      <alignment horizontal="right" vertical="center"/>
    </xf>
    <xf numFmtId="176" fontId="14" fillId="0" borderId="72" xfId="2" applyNumberFormat="1" applyFont="1" applyFill="1" applyBorder="1" applyAlignment="1">
      <alignment horizontal="right" vertical="center"/>
    </xf>
    <xf numFmtId="38" fontId="14" fillId="0" borderId="14" xfId="1" applyFont="1" applyFill="1" applyBorder="1" applyAlignment="1">
      <alignment horizontal="center" vertical="center"/>
    </xf>
    <xf numFmtId="176" fontId="14" fillId="0" borderId="12" xfId="2" applyNumberFormat="1" applyFont="1" applyFill="1" applyBorder="1" applyAlignment="1">
      <alignment horizontal="right" vertical="center"/>
    </xf>
    <xf numFmtId="176" fontId="14" fillId="0" borderId="41" xfId="2" applyNumberFormat="1" applyFont="1" applyFill="1" applyBorder="1" applyAlignment="1">
      <alignment horizontal="right" vertical="center"/>
    </xf>
    <xf numFmtId="176" fontId="14" fillId="0" borderId="13" xfId="2" applyNumberFormat="1" applyFont="1" applyFill="1" applyBorder="1" applyAlignment="1">
      <alignment horizontal="right" vertical="center"/>
    </xf>
    <xf numFmtId="176" fontId="14" fillId="0" borderId="71" xfId="2" applyNumberFormat="1" applyFont="1" applyFill="1" applyBorder="1" applyAlignment="1">
      <alignment horizontal="right" vertical="center"/>
    </xf>
    <xf numFmtId="38" fontId="14" fillId="0" borderId="16" xfId="1" applyFont="1" applyFill="1" applyBorder="1" applyAlignment="1">
      <alignment horizontal="right" vertical="center"/>
    </xf>
    <xf numFmtId="38" fontId="14" fillId="0" borderId="3" xfId="1" applyFont="1" applyFill="1" applyBorder="1" applyAlignment="1">
      <alignment horizontal="right" vertical="center"/>
    </xf>
    <xf numFmtId="38" fontId="14" fillId="0" borderId="4" xfId="1" applyFont="1" applyFill="1" applyBorder="1" applyAlignment="1">
      <alignment horizontal="right" vertical="center"/>
    </xf>
    <xf numFmtId="0" fontId="14" fillId="0" borderId="4" xfId="1" applyNumberFormat="1" applyFont="1" applyFill="1" applyBorder="1" applyAlignment="1">
      <alignment horizontal="right" vertical="center"/>
    </xf>
    <xf numFmtId="38" fontId="14" fillId="0" borderId="57" xfId="1" applyFont="1" applyFill="1" applyBorder="1" applyAlignment="1">
      <alignment horizontal="right" vertical="center"/>
    </xf>
    <xf numFmtId="38" fontId="14" fillId="0" borderId="70" xfId="1" applyFont="1" applyFill="1" applyBorder="1" applyAlignment="1">
      <alignment horizontal="right" vertical="center"/>
    </xf>
    <xf numFmtId="38" fontId="14" fillId="0" borderId="83" xfId="1" applyFont="1" applyFill="1" applyBorder="1" applyAlignment="1">
      <alignment horizontal="right" vertical="center"/>
    </xf>
    <xf numFmtId="38" fontId="14" fillId="0" borderId="114" xfId="1" applyFont="1" applyFill="1" applyBorder="1" applyAlignment="1">
      <alignment horizontal="right" vertical="center"/>
    </xf>
    <xf numFmtId="38" fontId="14" fillId="0" borderId="71" xfId="1" applyFont="1" applyFill="1" applyBorder="1" applyAlignment="1">
      <alignment horizontal="right" vertical="center"/>
    </xf>
    <xf numFmtId="38" fontId="14" fillId="0" borderId="79" xfId="1" applyFont="1" applyFill="1" applyBorder="1" applyAlignment="1">
      <alignment vertical="center"/>
    </xf>
    <xf numFmtId="38" fontId="14" fillId="0" borderId="87" xfId="1" applyFont="1" applyFill="1" applyBorder="1" applyAlignment="1">
      <alignment vertical="center"/>
    </xf>
    <xf numFmtId="38" fontId="14" fillId="0" borderId="123" xfId="1" applyFont="1" applyFill="1" applyBorder="1" applyAlignment="1">
      <alignment vertical="center"/>
    </xf>
    <xf numFmtId="176" fontId="14" fillId="0" borderId="32" xfId="2" applyNumberFormat="1" applyFont="1" applyFill="1" applyBorder="1">
      <alignment vertical="center"/>
    </xf>
    <xf numFmtId="176" fontId="14" fillId="0" borderId="22" xfId="2" applyNumberFormat="1" applyFont="1" applyFill="1" applyBorder="1">
      <alignment vertical="center"/>
    </xf>
    <xf numFmtId="176" fontId="14" fillId="0" borderId="58" xfId="2" applyNumberFormat="1" applyFont="1" applyFill="1" applyBorder="1">
      <alignment vertical="center"/>
    </xf>
    <xf numFmtId="176" fontId="14" fillId="0" borderId="114" xfId="2" applyNumberFormat="1" applyFont="1" applyFill="1" applyBorder="1">
      <alignment vertical="center"/>
    </xf>
    <xf numFmtId="38" fontId="14" fillId="0" borderId="19" xfId="1" applyFont="1" applyFill="1" applyBorder="1" applyAlignment="1">
      <alignment vertical="center"/>
    </xf>
    <xf numFmtId="176" fontId="14" fillId="0" borderId="116" xfId="2" applyNumberFormat="1" applyFont="1" applyFill="1" applyBorder="1" applyAlignment="1">
      <alignment horizontal="right" vertical="center"/>
    </xf>
    <xf numFmtId="176" fontId="14" fillId="0" borderId="23" xfId="2" applyNumberFormat="1" applyFont="1" applyFill="1" applyBorder="1" applyAlignment="1">
      <alignment horizontal="right" vertical="center"/>
    </xf>
    <xf numFmtId="0" fontId="17" fillId="0" borderId="0" xfId="0" applyFont="1" applyFill="1">
      <alignment vertical="center"/>
    </xf>
    <xf numFmtId="0" fontId="15" fillId="0" borderId="0" xfId="0" applyFont="1" applyFill="1">
      <alignment vertical="center"/>
    </xf>
    <xf numFmtId="0" fontId="17" fillId="0" borderId="0" xfId="0" applyFont="1" applyFill="1" applyAlignment="1">
      <alignment horizontal="left" vertical="center"/>
    </xf>
    <xf numFmtId="0" fontId="21" fillId="0" borderId="0" xfId="0" applyFont="1" applyFill="1">
      <alignment vertical="center"/>
    </xf>
    <xf numFmtId="0" fontId="12" fillId="0" borderId="0" xfId="0" applyFont="1" applyFill="1">
      <alignment vertical="center"/>
    </xf>
    <xf numFmtId="0" fontId="15" fillId="0" borderId="0" xfId="0" applyFont="1" applyFill="1" applyAlignment="1">
      <alignment horizontal="center" vertical="center"/>
    </xf>
    <xf numFmtId="0" fontId="12" fillId="0" borderId="61" xfId="0" applyFont="1" applyFill="1" applyBorder="1" applyAlignment="1">
      <alignment horizontal="center" vertical="center" wrapText="1"/>
    </xf>
    <xf numFmtId="0" fontId="13" fillId="0" borderId="0" xfId="0" applyFont="1" applyFill="1" applyAlignment="1">
      <alignment horizontal="right" vertical="center"/>
    </xf>
    <xf numFmtId="0" fontId="13" fillId="0" borderId="0" xfId="0" applyFont="1" applyFill="1" applyAlignment="1">
      <alignment horizontal="center" vertical="center"/>
    </xf>
    <xf numFmtId="0" fontId="14" fillId="0" borderId="0" xfId="0" applyFont="1" applyFill="1">
      <alignment vertical="center"/>
    </xf>
    <xf numFmtId="0" fontId="13" fillId="0" borderId="0" xfId="0" applyFont="1" applyFill="1">
      <alignment vertical="center"/>
    </xf>
    <xf numFmtId="0" fontId="13" fillId="0" borderId="0" xfId="0" applyFont="1" applyFill="1" applyAlignment="1">
      <alignment horizontal="left" vertical="center"/>
    </xf>
    <xf numFmtId="0" fontId="20" fillId="0" borderId="0" xfId="0" applyFont="1" applyFill="1" applyAlignment="1">
      <alignment horizontal="left" vertical="center"/>
    </xf>
    <xf numFmtId="0" fontId="14" fillId="0" borderId="0" xfId="0" applyFont="1" applyFill="1" applyAlignment="1">
      <alignment horizontal="left" vertical="center"/>
    </xf>
    <xf numFmtId="0" fontId="14" fillId="0" borderId="43" xfId="0" applyFont="1" applyFill="1" applyBorder="1" applyAlignment="1">
      <alignment horizontal="right" vertical="center"/>
    </xf>
    <xf numFmtId="0" fontId="14" fillId="0" borderId="0" xfId="0" applyFont="1" applyFill="1" applyAlignment="1">
      <alignment horizontal="right" vertical="center"/>
    </xf>
    <xf numFmtId="0" fontId="14" fillId="0" borderId="41" xfId="0" applyFont="1" applyFill="1" applyBorder="1" applyAlignment="1">
      <alignment horizontal="center" vertical="center" wrapText="1"/>
    </xf>
    <xf numFmtId="0" fontId="14" fillId="0" borderId="13" xfId="0" applyFont="1" applyFill="1" applyBorder="1" applyAlignment="1">
      <alignment horizontal="center" vertical="center" wrapText="1"/>
    </xf>
    <xf numFmtId="0" fontId="14" fillId="0" borderId="14" xfId="0" applyFont="1" applyFill="1" applyBorder="1" applyAlignment="1">
      <alignment horizontal="center" vertical="center" wrapText="1"/>
    </xf>
    <xf numFmtId="0" fontId="14" fillId="0" borderId="12" xfId="0" applyFont="1" applyFill="1" applyBorder="1" applyAlignment="1">
      <alignment horizontal="center" vertical="center" wrapText="1"/>
    </xf>
    <xf numFmtId="0" fontId="14" fillId="0" borderId="17" xfId="0" applyFont="1" applyFill="1" applyBorder="1" applyAlignment="1">
      <alignment horizontal="center" vertical="center"/>
    </xf>
    <xf numFmtId="0" fontId="14" fillId="0" borderId="78" xfId="0" applyFont="1" applyFill="1" applyBorder="1" applyAlignment="1">
      <alignment horizontal="center" vertical="center"/>
    </xf>
    <xf numFmtId="38" fontId="14" fillId="0" borderId="7" xfId="1" applyFont="1" applyFill="1" applyBorder="1">
      <alignment vertical="center"/>
    </xf>
    <xf numFmtId="0" fontId="14" fillId="0" borderId="14" xfId="0" applyFont="1" applyFill="1" applyBorder="1" applyAlignment="1">
      <alignment horizontal="center" vertical="center"/>
    </xf>
    <xf numFmtId="38" fontId="14" fillId="0" borderId="12" xfId="1" applyFont="1" applyFill="1" applyBorder="1">
      <alignment vertical="center"/>
    </xf>
    <xf numFmtId="38" fontId="14" fillId="0" borderId="13" xfId="1" applyFont="1" applyFill="1" applyBorder="1">
      <alignment vertical="center"/>
    </xf>
    <xf numFmtId="0" fontId="14" fillId="0" borderId="84" xfId="0" applyFont="1" applyFill="1" applyBorder="1" applyAlignment="1">
      <alignment horizontal="center" vertical="center"/>
    </xf>
    <xf numFmtId="0" fontId="14" fillId="0" borderId="0" xfId="0" applyFont="1" applyFill="1" applyAlignment="1">
      <alignment horizontal="center" vertical="center"/>
    </xf>
    <xf numFmtId="0" fontId="14" fillId="0" borderId="74" xfId="0" applyFont="1" applyFill="1" applyBorder="1" applyAlignment="1">
      <alignment horizontal="center" vertical="center"/>
    </xf>
    <xf numFmtId="0" fontId="14" fillId="0" borderId="23" xfId="0" applyFont="1" applyFill="1" applyBorder="1" applyAlignment="1">
      <alignment horizontal="center" vertical="center"/>
    </xf>
    <xf numFmtId="0" fontId="14" fillId="0" borderId="54" xfId="0" applyFont="1" applyFill="1" applyBorder="1" applyAlignment="1">
      <alignment horizontal="center" vertical="center"/>
    </xf>
    <xf numFmtId="0" fontId="14" fillId="0" borderId="4" xfId="0" applyFont="1" applyFill="1" applyBorder="1" applyAlignment="1">
      <alignment horizontal="center" vertical="center"/>
    </xf>
    <xf numFmtId="0" fontId="14" fillId="0" borderId="7" xfId="0" applyFont="1" applyFill="1" applyBorder="1" applyAlignment="1">
      <alignment horizontal="center" vertical="center"/>
    </xf>
    <xf numFmtId="0" fontId="14" fillId="0" borderId="13" xfId="0" applyFont="1" applyFill="1" applyBorder="1" applyAlignment="1">
      <alignment horizontal="center" vertical="center"/>
    </xf>
    <xf numFmtId="0" fontId="14" fillId="0" borderId="46" xfId="0" applyFont="1" applyFill="1" applyBorder="1" applyAlignment="1">
      <alignment horizontal="center" vertical="center"/>
    </xf>
    <xf numFmtId="0" fontId="22" fillId="0" borderId="0" xfId="0" applyFont="1" applyFill="1">
      <alignment vertical="center"/>
    </xf>
    <xf numFmtId="0" fontId="14" fillId="0" borderId="91" xfId="0" applyFont="1" applyFill="1" applyBorder="1">
      <alignment vertical="center"/>
    </xf>
    <xf numFmtId="0" fontId="14" fillId="0" borderId="61" xfId="0" applyFont="1" applyFill="1" applyBorder="1" applyAlignment="1">
      <alignment horizontal="center" vertical="center"/>
    </xf>
    <xf numFmtId="0" fontId="14" fillId="0" borderId="62" xfId="0" applyFont="1" applyFill="1" applyBorder="1" applyAlignment="1">
      <alignment horizontal="center" vertical="center"/>
    </xf>
    <xf numFmtId="0" fontId="14" fillId="0" borderId="61" xfId="0" applyFont="1" applyFill="1" applyBorder="1" applyAlignment="1">
      <alignment horizontal="center" vertical="center" wrapText="1"/>
    </xf>
    <xf numFmtId="0" fontId="14" fillId="0" borderId="96" xfId="0" applyFont="1" applyFill="1" applyBorder="1" applyAlignment="1">
      <alignment horizontal="center" vertical="center" wrapText="1"/>
    </xf>
    <xf numFmtId="0" fontId="14" fillId="0" borderId="90" xfId="0" applyFont="1" applyFill="1" applyBorder="1" applyAlignment="1">
      <alignment horizontal="center" vertical="center" wrapText="1"/>
    </xf>
    <xf numFmtId="0" fontId="14" fillId="0" borderId="17" xfId="0" applyFont="1" applyFill="1" applyBorder="1" applyAlignment="1">
      <alignment horizontal="right" vertical="center"/>
    </xf>
    <xf numFmtId="0" fontId="14" fillId="0" borderId="78" xfId="0" applyFont="1" applyFill="1" applyBorder="1" applyAlignment="1">
      <alignment horizontal="right" vertical="center"/>
    </xf>
    <xf numFmtId="0" fontId="14" fillId="0" borderId="14" xfId="0" applyFont="1" applyFill="1" applyBorder="1" applyAlignment="1">
      <alignment horizontal="right" vertical="center"/>
    </xf>
    <xf numFmtId="0" fontId="14" fillId="0" borderId="117" xfId="0" applyFont="1" applyFill="1" applyBorder="1" applyAlignment="1">
      <alignment horizontal="center" vertical="center"/>
    </xf>
    <xf numFmtId="0" fontId="14" fillId="0" borderId="64" xfId="0" applyFont="1" applyFill="1" applyBorder="1" applyAlignment="1">
      <alignment horizontal="center" vertical="center"/>
    </xf>
    <xf numFmtId="0" fontId="14" fillId="0" borderId="91" xfId="0" applyFont="1" applyFill="1" applyBorder="1" applyAlignment="1">
      <alignment horizontal="center" vertical="center" wrapText="1"/>
    </xf>
    <xf numFmtId="0" fontId="14" fillId="0" borderId="89" xfId="0" applyFont="1" applyFill="1" applyBorder="1" applyAlignment="1">
      <alignment horizontal="center" vertical="center" wrapText="1"/>
    </xf>
    <xf numFmtId="0" fontId="14" fillId="0" borderId="92" xfId="0" applyFont="1" applyFill="1" applyBorder="1" applyAlignment="1">
      <alignment horizontal="center" vertical="center"/>
    </xf>
    <xf numFmtId="0" fontId="14" fillId="0" borderId="112" xfId="0" applyFont="1" applyFill="1" applyBorder="1" applyAlignment="1">
      <alignment horizontal="center" vertical="center"/>
    </xf>
    <xf numFmtId="0" fontId="14" fillId="0" borderId="73" xfId="0" applyFont="1" applyFill="1" applyBorder="1" applyAlignment="1">
      <alignment horizontal="center" vertical="center"/>
    </xf>
    <xf numFmtId="0" fontId="14" fillId="0" borderId="74" xfId="0" applyFont="1" applyFill="1" applyBorder="1" applyAlignment="1">
      <alignment horizontal="right" vertical="center"/>
    </xf>
    <xf numFmtId="38" fontId="14" fillId="0" borderId="24" xfId="0" applyNumberFormat="1" applyFont="1" applyFill="1" applyBorder="1">
      <alignment vertical="center"/>
    </xf>
    <xf numFmtId="38" fontId="14" fillId="0" borderId="57" xfId="0" applyNumberFormat="1" applyFont="1" applyFill="1" applyBorder="1">
      <alignment vertical="center"/>
    </xf>
    <xf numFmtId="38" fontId="14" fillId="0" borderId="70" xfId="0" applyNumberFormat="1" applyFont="1" applyFill="1" applyBorder="1">
      <alignment vertical="center"/>
    </xf>
    <xf numFmtId="38" fontId="14" fillId="0" borderId="25" xfId="0" applyNumberFormat="1" applyFont="1" applyFill="1" applyBorder="1">
      <alignment vertical="center"/>
    </xf>
    <xf numFmtId="38" fontId="14" fillId="0" borderId="77" xfId="0" applyNumberFormat="1" applyFont="1" applyFill="1" applyBorder="1">
      <alignment vertical="center"/>
    </xf>
    <xf numFmtId="38" fontId="14" fillId="0" borderId="72" xfId="0" applyNumberFormat="1" applyFont="1" applyFill="1" applyBorder="1">
      <alignment vertical="center"/>
    </xf>
    <xf numFmtId="0" fontId="16" fillId="0" borderId="61" xfId="0" applyFont="1" applyFill="1" applyBorder="1" applyAlignment="1">
      <alignment horizontal="center" vertical="center" wrapText="1"/>
    </xf>
    <xf numFmtId="0" fontId="12" fillId="0" borderId="61" xfId="0" applyFont="1" applyFill="1" applyBorder="1" applyAlignment="1">
      <alignment horizontal="center" vertical="center"/>
    </xf>
    <xf numFmtId="0" fontId="14" fillId="0" borderId="92" xfId="0" applyFont="1" applyFill="1" applyBorder="1" applyAlignment="1">
      <alignment horizontal="center" vertical="center" wrapText="1"/>
    </xf>
    <xf numFmtId="0" fontId="14" fillId="0" borderId="112" xfId="0" applyFont="1" applyFill="1" applyBorder="1" applyAlignment="1">
      <alignment horizontal="center" vertical="center" wrapText="1"/>
    </xf>
    <xf numFmtId="38" fontId="14" fillId="0" borderId="16" xfId="0" applyNumberFormat="1" applyFont="1" applyFill="1" applyBorder="1" applyAlignment="1">
      <alignment horizontal="right" vertical="center"/>
    </xf>
    <xf numFmtId="38" fontId="14" fillId="0" borderId="4" xfId="0" applyNumberFormat="1" applyFont="1" applyFill="1" applyBorder="1" applyAlignment="1">
      <alignment horizontal="right" vertical="center"/>
    </xf>
    <xf numFmtId="38" fontId="14" fillId="0" borderId="57" xfId="0" applyNumberFormat="1" applyFont="1" applyFill="1" applyBorder="1" applyAlignment="1">
      <alignment horizontal="right" vertical="center"/>
    </xf>
    <xf numFmtId="38" fontId="14" fillId="0" borderId="113" xfId="0" applyNumberFormat="1" applyFont="1" applyFill="1" applyBorder="1" applyAlignment="1">
      <alignment horizontal="right" vertical="center"/>
    </xf>
    <xf numFmtId="38" fontId="14" fillId="0" borderId="18" xfId="0" applyNumberFormat="1" applyFont="1" applyFill="1" applyBorder="1" applyAlignment="1">
      <alignment horizontal="right" vertical="center"/>
    </xf>
    <xf numFmtId="38" fontId="14" fillId="0" borderId="7" xfId="0" applyNumberFormat="1" applyFont="1" applyFill="1" applyBorder="1" applyAlignment="1">
      <alignment horizontal="right" vertical="center"/>
    </xf>
    <xf numFmtId="38" fontId="14" fillId="0" borderId="77" xfId="0" applyNumberFormat="1" applyFont="1" applyFill="1" applyBorder="1" applyAlignment="1">
      <alignment horizontal="right" vertical="center"/>
    </xf>
    <xf numFmtId="38" fontId="14" fillId="0" borderId="72" xfId="0" applyNumberFormat="1" applyFont="1" applyFill="1" applyBorder="1" applyAlignment="1">
      <alignment horizontal="right" vertical="center"/>
    </xf>
    <xf numFmtId="0" fontId="14" fillId="0" borderId="88" xfId="0" applyFont="1" applyFill="1" applyBorder="1">
      <alignment vertical="center"/>
    </xf>
    <xf numFmtId="0" fontId="14" fillId="0" borderId="37" xfId="0" applyFont="1" applyFill="1" applyBorder="1" applyAlignment="1">
      <alignment horizontal="center" vertical="center"/>
    </xf>
    <xf numFmtId="0" fontId="14" fillId="0" borderId="3" xfId="0" applyFont="1" applyFill="1" applyBorder="1" applyAlignment="1">
      <alignment horizontal="right" vertical="center"/>
    </xf>
    <xf numFmtId="0" fontId="14" fillId="0" borderId="4" xfId="0" applyFont="1" applyFill="1" applyBorder="1" applyAlignment="1">
      <alignment horizontal="right" vertical="center"/>
    </xf>
    <xf numFmtId="0" fontId="14" fillId="0" borderId="57" xfId="0" applyFont="1" applyFill="1" applyBorder="1" applyAlignment="1">
      <alignment horizontal="right" vertical="center"/>
    </xf>
    <xf numFmtId="0" fontId="14" fillId="0" borderId="31" xfId="0" applyFont="1" applyFill="1" applyBorder="1" applyAlignment="1">
      <alignment horizontal="center" vertical="center"/>
    </xf>
    <xf numFmtId="0" fontId="14" fillId="0" borderId="41" xfId="0" applyFont="1" applyFill="1" applyBorder="1" applyAlignment="1">
      <alignment horizontal="right" vertical="center"/>
    </xf>
    <xf numFmtId="0" fontId="14" fillId="0" borderId="13" xfId="0" applyFont="1" applyFill="1" applyBorder="1" applyAlignment="1">
      <alignment horizontal="right" vertical="center"/>
    </xf>
    <xf numFmtId="38" fontId="14" fillId="0" borderId="13" xfId="1" applyFont="1" applyFill="1" applyBorder="1" applyAlignment="1">
      <alignment horizontal="right" vertical="center"/>
    </xf>
    <xf numFmtId="0" fontId="14" fillId="0" borderId="42" xfId="0" applyFont="1" applyFill="1" applyBorder="1" applyAlignment="1">
      <alignment horizontal="right" vertical="center"/>
    </xf>
    <xf numFmtId="0" fontId="14" fillId="0" borderId="44" xfId="0" applyFont="1" applyFill="1" applyBorder="1" applyAlignment="1">
      <alignment horizontal="center" vertical="center"/>
    </xf>
    <xf numFmtId="0" fontId="14" fillId="0" borderId="69" xfId="0" applyFont="1" applyFill="1" applyBorder="1" applyAlignment="1">
      <alignment horizontal="right" vertical="center"/>
    </xf>
    <xf numFmtId="0" fontId="14" fillId="0" borderId="62" xfId="0" applyFont="1" applyFill="1" applyBorder="1" applyAlignment="1">
      <alignment horizontal="center" vertical="center" wrapText="1"/>
    </xf>
    <xf numFmtId="0" fontId="14" fillId="0" borderId="106" xfId="0" applyFont="1" applyFill="1" applyBorder="1">
      <alignment vertical="center"/>
    </xf>
    <xf numFmtId="38" fontId="14" fillId="0" borderId="4" xfId="0" applyNumberFormat="1" applyFont="1" applyFill="1" applyBorder="1">
      <alignment vertical="center"/>
    </xf>
    <xf numFmtId="38" fontId="14" fillId="0" borderId="17" xfId="0" applyNumberFormat="1" applyFont="1" applyFill="1" applyBorder="1">
      <alignment vertical="center"/>
    </xf>
    <xf numFmtId="0" fontId="14" fillId="0" borderId="81" xfId="0" applyFont="1" applyFill="1" applyBorder="1" applyAlignment="1">
      <alignment horizontal="center" vertical="center"/>
    </xf>
    <xf numFmtId="0" fontId="14" fillId="0" borderId="56" xfId="0" applyFont="1" applyFill="1" applyBorder="1" applyAlignment="1">
      <alignment horizontal="center" vertical="center"/>
    </xf>
    <xf numFmtId="0" fontId="14" fillId="0" borderId="56" xfId="0" applyFont="1" applyFill="1" applyBorder="1">
      <alignment vertical="center"/>
    </xf>
    <xf numFmtId="0" fontId="14" fillId="0" borderId="88" xfId="0" applyFont="1" applyFill="1" applyBorder="1" applyAlignment="1">
      <alignment horizontal="center" vertical="center"/>
    </xf>
    <xf numFmtId="0" fontId="14" fillId="0" borderId="113" xfId="0" applyFont="1" applyFill="1" applyBorder="1" applyAlignment="1">
      <alignment horizontal="right" vertical="center"/>
    </xf>
    <xf numFmtId="0" fontId="14" fillId="0" borderId="71" xfId="0" applyFont="1" applyFill="1" applyBorder="1" applyAlignment="1">
      <alignment horizontal="right" vertical="center"/>
    </xf>
    <xf numFmtId="0" fontId="14" fillId="0" borderId="46" xfId="0" applyFont="1" applyFill="1" applyBorder="1" applyAlignment="1">
      <alignment horizontal="right" vertical="center"/>
    </xf>
    <xf numFmtId="0" fontId="14" fillId="0" borderId="86" xfId="0" applyFont="1" applyFill="1" applyBorder="1" applyAlignment="1">
      <alignment horizontal="right" vertical="center"/>
    </xf>
    <xf numFmtId="0" fontId="16" fillId="0" borderId="61" xfId="0" applyFont="1" applyFill="1" applyBorder="1" applyAlignment="1">
      <alignment horizontal="center" vertical="center"/>
    </xf>
    <xf numFmtId="0" fontId="19" fillId="0" borderId="8" xfId="0" applyFont="1" applyFill="1" applyBorder="1" applyAlignment="1">
      <alignment vertical="center" wrapText="1"/>
    </xf>
    <xf numFmtId="0" fontId="19" fillId="0" borderId="59" xfId="0" applyFont="1" applyFill="1" applyBorder="1" applyAlignment="1">
      <alignment vertical="center" wrapText="1"/>
    </xf>
    <xf numFmtId="0" fontId="19" fillId="0" borderId="66" xfId="0" applyFont="1" applyFill="1" applyBorder="1" applyAlignment="1">
      <alignment vertical="center" wrapText="1"/>
    </xf>
    <xf numFmtId="0" fontId="19" fillId="0" borderId="6" xfId="0" applyFont="1" applyFill="1" applyBorder="1" applyAlignment="1">
      <alignment vertical="center" wrapText="1"/>
    </xf>
    <xf numFmtId="0" fontId="19" fillId="0" borderId="3" xfId="0" applyFont="1" applyFill="1" applyBorder="1" applyAlignment="1">
      <alignment vertical="center" wrapText="1"/>
    </xf>
    <xf numFmtId="0" fontId="16" fillId="0" borderId="88" xfId="0" applyFont="1" applyFill="1" applyBorder="1" applyAlignment="1">
      <alignment horizontal="center" vertical="center"/>
    </xf>
    <xf numFmtId="0" fontId="16" fillId="0" borderId="0" xfId="0" applyFont="1" applyFill="1" applyAlignment="1">
      <alignment horizontal="center" vertical="center"/>
    </xf>
    <xf numFmtId="38" fontId="14" fillId="0" borderId="3" xfId="0" applyNumberFormat="1" applyFont="1" applyFill="1" applyBorder="1" applyAlignment="1">
      <alignment horizontal="right" vertical="center" wrapText="1"/>
    </xf>
    <xf numFmtId="38" fontId="14" fillId="0" borderId="4" xfId="0" applyNumberFormat="1" applyFont="1" applyFill="1" applyBorder="1" applyAlignment="1">
      <alignment horizontal="right" vertical="center" wrapText="1"/>
    </xf>
    <xf numFmtId="38" fontId="14" fillId="0" borderId="17" xfId="0" applyNumberFormat="1" applyFont="1" applyFill="1" applyBorder="1" applyAlignment="1">
      <alignment horizontal="right" vertical="center" wrapText="1"/>
    </xf>
    <xf numFmtId="0" fontId="14" fillId="0" borderId="36" xfId="0" applyFont="1" applyFill="1" applyBorder="1">
      <alignment vertical="center"/>
    </xf>
    <xf numFmtId="0" fontId="16" fillId="0" borderId="109" xfId="12" applyFont="1" applyFill="1" applyBorder="1" applyAlignment="1">
      <alignment horizontal="center" vertical="center" wrapText="1"/>
    </xf>
    <xf numFmtId="0" fontId="14" fillId="0" borderId="67" xfId="12" applyFont="1" applyFill="1" applyBorder="1" applyAlignment="1">
      <alignment horizontal="center" vertical="center"/>
    </xf>
    <xf numFmtId="0" fontId="14" fillId="0" borderId="107" xfId="12" applyFont="1" applyFill="1" applyBorder="1" applyAlignment="1">
      <alignment horizontal="center" vertical="center"/>
    </xf>
    <xf numFmtId="0" fontId="14" fillId="0" borderId="76" xfId="12" applyFont="1" applyFill="1" applyBorder="1" applyAlignment="1">
      <alignment horizontal="center" vertical="center"/>
    </xf>
    <xf numFmtId="0" fontId="16" fillId="0" borderId="0" xfId="0" applyFont="1" applyFill="1" applyAlignment="1">
      <alignment vertical="center" wrapText="1"/>
    </xf>
    <xf numFmtId="0" fontId="14" fillId="0" borderId="8" xfId="0" applyFont="1" applyFill="1" applyBorder="1" applyAlignment="1">
      <alignment vertical="center" wrapText="1"/>
    </xf>
    <xf numFmtId="0" fontId="14" fillId="0" borderId="59" xfId="0" applyFont="1" applyFill="1" applyBorder="1" applyAlignment="1">
      <alignment vertical="center" wrapText="1"/>
    </xf>
    <xf numFmtId="0" fontId="14" fillId="0" borderId="57" xfId="12" applyFont="1" applyFill="1" applyBorder="1" applyAlignment="1">
      <alignment vertical="center"/>
    </xf>
    <xf numFmtId="0" fontId="14" fillId="0" borderId="37" xfId="12" applyFont="1" applyFill="1" applyBorder="1" applyAlignment="1">
      <alignment vertical="center"/>
    </xf>
    <xf numFmtId="0" fontId="14" fillId="0" borderId="55" xfId="12" applyFont="1" applyFill="1" applyBorder="1" applyAlignment="1">
      <alignment horizontal="right" vertical="center"/>
    </xf>
    <xf numFmtId="0" fontId="14" fillId="0" borderId="56" xfId="12" applyFont="1" applyFill="1" applyBorder="1" applyAlignment="1">
      <alignment horizontal="right" vertical="center"/>
    </xf>
    <xf numFmtId="0" fontId="14" fillId="0" borderId="0" xfId="0" applyFont="1" applyFill="1" applyAlignment="1">
      <alignment vertical="center" wrapText="1"/>
    </xf>
    <xf numFmtId="0" fontId="14" fillId="0" borderId="66" xfId="0" applyFont="1" applyFill="1" applyBorder="1" applyAlignment="1">
      <alignment vertical="center" wrapText="1"/>
    </xf>
    <xf numFmtId="0" fontId="14" fillId="0" borderId="77" xfId="12" applyFont="1" applyFill="1" applyBorder="1" applyAlignment="1">
      <alignment vertical="center"/>
    </xf>
    <xf numFmtId="0" fontId="14" fillId="0" borderId="30" xfId="12" applyFont="1" applyFill="1" applyBorder="1" applyAlignment="1">
      <alignment vertical="center"/>
    </xf>
    <xf numFmtId="0" fontId="14" fillId="0" borderId="40" xfId="12" applyFont="1" applyFill="1" applyBorder="1" applyAlignment="1">
      <alignment horizontal="right" vertical="center"/>
    </xf>
    <xf numFmtId="0" fontId="14" fillId="0" borderId="77" xfId="12" applyFont="1" applyFill="1" applyBorder="1" applyAlignment="1">
      <alignment horizontal="right" vertical="center"/>
    </xf>
    <xf numFmtId="0" fontId="14" fillId="0" borderId="6" xfId="0" applyFont="1" applyFill="1" applyBorder="1" applyAlignment="1">
      <alignment vertical="center" wrapText="1"/>
    </xf>
    <xf numFmtId="0" fontId="14" fillId="0" borderId="3" xfId="0" applyFont="1" applyFill="1" applyBorder="1" applyAlignment="1">
      <alignment vertical="center" wrapText="1"/>
    </xf>
    <xf numFmtId="0" fontId="14" fillId="0" borderId="81" xfId="12" applyFont="1" applyFill="1" applyBorder="1" applyAlignment="1">
      <alignment vertical="center"/>
    </xf>
    <xf numFmtId="0" fontId="14" fillId="0" borderId="51" xfId="12" applyFont="1" applyFill="1" applyBorder="1" applyAlignment="1">
      <alignment vertical="center"/>
    </xf>
    <xf numFmtId="0" fontId="14" fillId="0" borderId="53" xfId="12" applyFont="1" applyFill="1" applyBorder="1" applyAlignment="1">
      <alignment horizontal="right" vertical="center"/>
    </xf>
    <xf numFmtId="0" fontId="14" fillId="0" borderId="81" xfId="12" applyFont="1" applyFill="1" applyBorder="1" applyAlignment="1">
      <alignment horizontal="right" vertical="center"/>
    </xf>
    <xf numFmtId="0" fontId="14" fillId="0" borderId="56" xfId="12" applyFont="1" applyFill="1" applyBorder="1" applyAlignment="1">
      <alignment vertical="center"/>
    </xf>
    <xf numFmtId="0" fontId="14" fillId="0" borderId="11" xfId="12" applyFont="1" applyFill="1" applyBorder="1" applyAlignment="1">
      <alignment vertical="center"/>
    </xf>
    <xf numFmtId="0" fontId="14" fillId="0" borderId="68" xfId="0" applyFont="1" applyFill="1" applyBorder="1">
      <alignment vertical="center"/>
    </xf>
    <xf numFmtId="0" fontId="14" fillId="0" borderId="111" xfId="12" applyFont="1" applyFill="1" applyBorder="1" applyAlignment="1">
      <alignment horizontal="right" vertical="center"/>
    </xf>
    <xf numFmtId="0" fontId="14" fillId="0" borderId="108" xfId="12" applyFont="1" applyFill="1" applyBorder="1" applyAlignment="1">
      <alignment horizontal="right" vertical="center"/>
    </xf>
    <xf numFmtId="0" fontId="14" fillId="0" borderId="0" xfId="12" applyFont="1" applyFill="1" applyAlignment="1">
      <alignment vertical="center"/>
    </xf>
    <xf numFmtId="0" fontId="14" fillId="0" borderId="82" xfId="0" applyFont="1" applyFill="1" applyBorder="1" applyAlignment="1">
      <alignment horizontal="right" vertical="center"/>
    </xf>
    <xf numFmtId="0" fontId="14" fillId="0" borderId="66" xfId="0" applyFont="1" applyFill="1" applyBorder="1" applyAlignment="1">
      <alignment horizontal="right" vertical="center"/>
    </xf>
    <xf numFmtId="176" fontId="14" fillId="0" borderId="2" xfId="2" applyNumberFormat="1" applyFont="1" applyFill="1" applyBorder="1" applyAlignment="1">
      <alignment horizontal="right" vertical="center"/>
    </xf>
    <xf numFmtId="176" fontId="14" fillId="0" borderId="58" xfId="2" applyNumberFormat="1" applyFont="1" applyFill="1" applyBorder="1" applyAlignment="1">
      <alignment horizontal="right" vertical="center"/>
    </xf>
    <xf numFmtId="0" fontId="14" fillId="0" borderId="26" xfId="0" applyFont="1" applyFill="1" applyBorder="1">
      <alignment vertical="center"/>
    </xf>
    <xf numFmtId="0" fontId="14" fillId="0" borderId="43" xfId="0" applyFont="1" applyFill="1" applyBorder="1">
      <alignment vertical="center"/>
    </xf>
    <xf numFmtId="0" fontId="14" fillId="0" borderId="44" xfId="0" applyFont="1" applyFill="1" applyBorder="1" applyAlignment="1">
      <alignment horizontal="right" vertical="center"/>
    </xf>
    <xf numFmtId="176" fontId="14" fillId="0" borderId="22" xfId="2" applyNumberFormat="1" applyFont="1" applyFill="1" applyBorder="1" applyAlignment="1">
      <alignment horizontal="right" vertical="center"/>
    </xf>
    <xf numFmtId="0" fontId="16" fillId="0" borderId="89" xfId="0" applyFont="1" applyFill="1" applyBorder="1" applyAlignment="1">
      <alignment horizontal="center" vertical="center" wrapText="1"/>
    </xf>
    <xf numFmtId="38" fontId="14" fillId="0" borderId="17" xfId="1" applyFont="1" applyFill="1" applyBorder="1" applyAlignment="1">
      <alignment horizontal="center" vertical="center"/>
    </xf>
    <xf numFmtId="38" fontId="14" fillId="0" borderId="3" xfId="0" applyNumberFormat="1" applyFont="1" applyFill="1" applyBorder="1" applyAlignment="1">
      <alignment horizontal="right" vertical="center"/>
    </xf>
    <xf numFmtId="38" fontId="14" fillId="0" borderId="40" xfId="0" applyNumberFormat="1" applyFont="1" applyFill="1" applyBorder="1" applyAlignment="1">
      <alignment horizontal="right" vertical="center"/>
    </xf>
    <xf numFmtId="0" fontId="14" fillId="0" borderId="7" xfId="0" applyFont="1" applyFill="1" applyBorder="1" applyAlignment="1">
      <alignment horizontal="right" vertical="center"/>
    </xf>
    <xf numFmtId="0" fontId="14" fillId="0" borderId="85" xfId="6" applyFont="1" applyFill="1" applyBorder="1">
      <alignment vertical="center"/>
    </xf>
    <xf numFmtId="0" fontId="14" fillId="0" borderId="17" xfId="6" applyFont="1" applyFill="1" applyBorder="1" applyAlignment="1">
      <alignment horizontal="center" vertical="center"/>
    </xf>
    <xf numFmtId="0" fontId="14" fillId="0" borderId="45" xfId="6" applyFont="1" applyFill="1" applyBorder="1">
      <alignment vertical="center"/>
    </xf>
    <xf numFmtId="0" fontId="21" fillId="0" borderId="12" xfId="0" applyFont="1" applyFill="1" applyBorder="1" applyAlignment="1">
      <alignment horizontal="center" vertical="center" wrapText="1"/>
    </xf>
    <xf numFmtId="0" fontId="21" fillId="0" borderId="13" xfId="0" applyFont="1" applyFill="1" applyBorder="1" applyAlignment="1">
      <alignment horizontal="center" vertical="center" wrapText="1"/>
    </xf>
    <xf numFmtId="0" fontId="21" fillId="0" borderId="14" xfId="0" applyFont="1" applyFill="1" applyBorder="1" applyAlignment="1">
      <alignment horizontal="center" vertical="center" wrapText="1"/>
    </xf>
    <xf numFmtId="0" fontId="21" fillId="0" borderId="41" xfId="0" applyFont="1" applyFill="1" applyBorder="1" applyAlignment="1">
      <alignment horizontal="center" vertical="center" wrapText="1"/>
    </xf>
    <xf numFmtId="0" fontId="21" fillId="0" borderId="42" xfId="0" applyFont="1" applyFill="1" applyBorder="1" applyAlignment="1">
      <alignment horizontal="center" vertical="center" wrapText="1"/>
    </xf>
    <xf numFmtId="0" fontId="21" fillId="0" borderId="4" xfId="0" applyFont="1" applyFill="1" applyBorder="1" applyAlignment="1">
      <alignment horizontal="center" vertical="center"/>
    </xf>
    <xf numFmtId="0" fontId="14" fillId="0" borderId="37" xfId="0" applyFont="1" applyFill="1" applyBorder="1">
      <alignment vertical="center"/>
    </xf>
    <xf numFmtId="176" fontId="14" fillId="0" borderId="57" xfId="2" applyNumberFormat="1" applyFont="1" applyFill="1" applyBorder="1" applyAlignment="1">
      <alignment horizontal="right" vertical="center"/>
    </xf>
    <xf numFmtId="0" fontId="21" fillId="0" borderId="7" xfId="0" applyFont="1" applyFill="1" applyBorder="1" applyAlignment="1">
      <alignment horizontal="center" vertical="center"/>
    </xf>
    <xf numFmtId="0" fontId="21" fillId="0" borderId="13" xfId="0" applyFont="1" applyFill="1" applyBorder="1" applyAlignment="1">
      <alignment horizontal="center" vertical="center"/>
    </xf>
    <xf numFmtId="0" fontId="14" fillId="0" borderId="29" xfId="0" applyFont="1" applyFill="1" applyBorder="1">
      <alignment vertical="center"/>
    </xf>
    <xf numFmtId="0" fontId="21" fillId="0" borderId="46" xfId="0" applyFont="1" applyFill="1" applyBorder="1" applyAlignment="1">
      <alignment horizontal="center" vertical="center"/>
    </xf>
    <xf numFmtId="0" fontId="14" fillId="0" borderId="44" xfId="0" applyFont="1" applyFill="1" applyBorder="1">
      <alignment vertical="center"/>
    </xf>
    <xf numFmtId="0" fontId="14" fillId="0" borderId="31" xfId="0" applyFont="1" applyFill="1" applyBorder="1">
      <alignment vertical="center"/>
    </xf>
    <xf numFmtId="176" fontId="14" fillId="0" borderId="42" xfId="2" applyNumberFormat="1" applyFont="1" applyFill="1" applyBorder="1" applyAlignment="1">
      <alignment horizontal="right" vertical="center"/>
    </xf>
    <xf numFmtId="0" fontId="14" fillId="0" borderId="33" xfId="0" applyFont="1" applyFill="1" applyBorder="1">
      <alignment vertical="center"/>
    </xf>
    <xf numFmtId="0" fontId="16" fillId="0" borderId="0" xfId="0" applyFont="1" applyFill="1">
      <alignment vertical="center"/>
    </xf>
    <xf numFmtId="0" fontId="14" fillId="0" borderId="82" xfId="0" applyFont="1" applyFill="1" applyBorder="1">
      <alignment vertical="center"/>
    </xf>
    <xf numFmtId="38" fontId="14" fillId="0" borderId="59" xfId="1" applyFont="1" applyFill="1" applyBorder="1">
      <alignment vertical="center"/>
    </xf>
    <xf numFmtId="38" fontId="14" fillId="0" borderId="60" xfId="1" applyFont="1" applyFill="1" applyBorder="1">
      <alignment vertical="center"/>
    </xf>
    <xf numFmtId="38" fontId="14" fillId="0" borderId="20" xfId="0" applyNumberFormat="1" applyFont="1" applyFill="1" applyBorder="1">
      <alignment vertical="center"/>
    </xf>
    <xf numFmtId="38" fontId="14" fillId="0" borderId="22" xfId="0" applyNumberFormat="1" applyFont="1" applyFill="1" applyBorder="1">
      <alignment vertical="center"/>
    </xf>
    <xf numFmtId="176" fontId="14" fillId="0" borderId="33" xfId="2" applyNumberFormat="1" applyFont="1" applyFill="1" applyBorder="1" applyAlignment="1">
      <alignment horizontal="right" vertical="center"/>
    </xf>
    <xf numFmtId="0" fontId="14" fillId="0" borderId="20" xfId="0" applyFont="1" applyFill="1" applyBorder="1">
      <alignment vertical="center"/>
    </xf>
    <xf numFmtId="0" fontId="14" fillId="0" borderId="22" xfId="0" applyFont="1" applyFill="1" applyBorder="1">
      <alignment vertical="center"/>
    </xf>
    <xf numFmtId="0" fontId="14" fillId="0" borderId="75" xfId="0" applyFont="1" applyFill="1" applyBorder="1" applyAlignment="1">
      <alignment horizontal="center" vertical="center" wrapText="1"/>
    </xf>
    <xf numFmtId="0" fontId="14" fillId="0" borderId="24" xfId="0" applyFont="1" applyFill="1" applyBorder="1" applyAlignment="1">
      <alignment horizontal="center" vertical="center"/>
    </xf>
    <xf numFmtId="0" fontId="14" fillId="0" borderId="16" xfId="0" applyFont="1" applyFill="1" applyBorder="1" applyAlignment="1">
      <alignment horizontal="right" vertical="center"/>
    </xf>
    <xf numFmtId="0" fontId="14" fillId="0" borderId="103" xfId="0" applyFont="1" applyFill="1" applyBorder="1" applyAlignment="1">
      <alignment horizontal="center" vertical="center"/>
    </xf>
    <xf numFmtId="0" fontId="14" fillId="0" borderId="12" xfId="0" applyFont="1" applyFill="1" applyBorder="1" applyAlignment="1">
      <alignment horizontal="right" vertical="center"/>
    </xf>
    <xf numFmtId="0" fontId="14" fillId="0" borderId="45" xfId="0" applyFont="1" applyFill="1" applyBorder="1" applyAlignment="1">
      <alignment horizontal="right" vertical="center"/>
    </xf>
    <xf numFmtId="0" fontId="14" fillId="0" borderId="23" xfId="0" applyFont="1" applyFill="1" applyBorder="1" applyAlignment="1">
      <alignment horizontal="right" vertical="center"/>
    </xf>
    <xf numFmtId="0" fontId="14" fillId="0" borderId="0" xfId="8" applyFont="1" applyFill="1" applyAlignment="1">
      <alignment horizontal="left" vertical="center"/>
    </xf>
    <xf numFmtId="0" fontId="21" fillId="0" borderId="62" xfId="13" applyFont="1" applyFill="1" applyBorder="1" applyAlignment="1">
      <alignment horizontal="center" vertical="center"/>
    </xf>
    <xf numFmtId="0" fontId="14" fillId="0" borderId="57" xfId="0" applyFont="1" applyFill="1" applyBorder="1" applyAlignment="1">
      <alignment horizontal="left" vertical="center"/>
    </xf>
    <xf numFmtId="0" fontId="14" fillId="0" borderId="6" xfId="0" applyFont="1" applyFill="1" applyBorder="1" applyAlignment="1">
      <alignment horizontal="left" vertical="center"/>
    </xf>
    <xf numFmtId="0" fontId="14" fillId="0" borderId="15" xfId="0" applyFont="1" applyFill="1" applyBorder="1">
      <alignment vertical="center"/>
    </xf>
    <xf numFmtId="0" fontId="21" fillId="0" borderId="17" xfId="13" applyFont="1" applyFill="1" applyBorder="1" applyAlignment="1">
      <alignment horizontal="right" vertical="center"/>
    </xf>
    <xf numFmtId="0" fontId="14" fillId="0" borderId="18" xfId="0" applyFont="1" applyFill="1" applyBorder="1" applyAlignment="1">
      <alignment horizontal="center" vertical="center"/>
    </xf>
    <xf numFmtId="0" fontId="14" fillId="0" borderId="77" xfId="0" applyFont="1" applyFill="1" applyBorder="1" applyAlignment="1">
      <alignment horizontal="left" vertical="center"/>
    </xf>
    <xf numFmtId="0" fontId="14" fillId="0" borderId="38" xfId="0" applyFont="1" applyFill="1" applyBorder="1" applyAlignment="1">
      <alignment horizontal="left" vertical="center"/>
    </xf>
    <xf numFmtId="0" fontId="14" fillId="0" borderId="100" xfId="0" applyFont="1" applyFill="1" applyBorder="1">
      <alignment vertical="center"/>
    </xf>
    <xf numFmtId="0" fontId="21" fillId="0" borderId="78" xfId="13" applyFont="1" applyFill="1" applyBorder="1" applyAlignment="1">
      <alignment horizontal="right" vertical="center"/>
    </xf>
    <xf numFmtId="0" fontId="14" fillId="0" borderId="60" xfId="0" applyFont="1" applyFill="1" applyBorder="1" applyAlignment="1">
      <alignment horizontal="center" vertical="center" wrapText="1" shrinkToFit="1"/>
    </xf>
    <xf numFmtId="0" fontId="14" fillId="0" borderId="5" xfId="0" applyFont="1" applyFill="1" applyBorder="1" applyAlignment="1">
      <alignment horizontal="left" vertical="center"/>
    </xf>
    <xf numFmtId="0" fontId="14" fillId="0" borderId="8" xfId="0" applyFont="1" applyFill="1" applyBorder="1" applyAlignment="1">
      <alignment horizontal="left" vertical="center" wrapText="1" shrinkToFit="1"/>
    </xf>
    <xf numFmtId="0" fontId="14" fillId="0" borderId="12" xfId="0" applyFont="1" applyFill="1" applyBorder="1" applyAlignment="1">
      <alignment horizontal="center" vertical="center"/>
    </xf>
    <xf numFmtId="0" fontId="14" fillId="0" borderId="42" xfId="0" applyFont="1" applyFill="1" applyBorder="1" applyAlignment="1">
      <alignment horizontal="left" vertical="center"/>
    </xf>
    <xf numFmtId="0" fontId="14" fillId="0" borderId="39" xfId="0" applyFont="1" applyFill="1" applyBorder="1" applyAlignment="1">
      <alignment horizontal="left" vertical="center"/>
    </xf>
    <xf numFmtId="0" fontId="14" fillId="0" borderId="101" xfId="0" applyFont="1" applyFill="1" applyBorder="1">
      <alignment vertical="center"/>
    </xf>
    <xf numFmtId="0" fontId="21" fillId="0" borderId="14" xfId="13" applyFont="1" applyFill="1" applyBorder="1" applyAlignment="1">
      <alignment horizontal="right" vertical="center"/>
    </xf>
    <xf numFmtId="0" fontId="14" fillId="0" borderId="32" xfId="0" applyFont="1" applyFill="1" applyBorder="1">
      <alignment vertical="center"/>
    </xf>
    <xf numFmtId="0" fontId="14" fillId="0" borderId="115" xfId="0" applyFont="1" applyFill="1" applyBorder="1">
      <alignment vertical="center"/>
    </xf>
    <xf numFmtId="0" fontId="14" fillId="0" borderId="33" xfId="0" applyFont="1" applyFill="1" applyBorder="1" applyAlignment="1">
      <alignment horizontal="right" vertical="center"/>
    </xf>
    <xf numFmtId="0" fontId="21" fillId="0" borderId="84" xfId="13" applyFont="1" applyFill="1" applyBorder="1">
      <alignment vertical="center"/>
    </xf>
    <xf numFmtId="0" fontId="21" fillId="0" borderId="0" xfId="13" applyFont="1" applyFill="1">
      <alignment vertical="center"/>
    </xf>
    <xf numFmtId="0" fontId="14" fillId="0" borderId="43" xfId="8" applyFont="1" applyFill="1" applyBorder="1" applyAlignment="1">
      <alignment horizontal="left" vertical="center"/>
    </xf>
    <xf numFmtId="0" fontId="14" fillId="0" borderId="43" xfId="8" applyFont="1" applyFill="1" applyBorder="1" applyAlignment="1">
      <alignment horizontal="right" vertical="center"/>
    </xf>
    <xf numFmtId="38" fontId="14" fillId="0" borderId="19" xfId="8" applyNumberFormat="1" applyFont="1" applyFill="1" applyBorder="1" applyAlignment="1">
      <alignment horizontal="right" vertical="center"/>
    </xf>
    <xf numFmtId="0" fontId="14" fillId="0" borderId="88" xfId="8" applyFont="1" applyFill="1" applyBorder="1" applyAlignment="1">
      <alignment horizontal="center" vertical="center" wrapText="1"/>
    </xf>
    <xf numFmtId="0" fontId="14" fillId="0" borderId="89" xfId="8" applyFont="1" applyFill="1" applyBorder="1" applyAlignment="1">
      <alignment horizontal="center" vertical="center" wrapText="1"/>
    </xf>
    <xf numFmtId="0" fontId="16" fillId="0" borderId="61" xfId="8" applyFont="1" applyFill="1" applyBorder="1" applyAlignment="1">
      <alignment horizontal="center" vertical="center" wrapText="1"/>
    </xf>
    <xf numFmtId="0" fontId="14" fillId="0" borderId="61" xfId="8" applyFont="1" applyFill="1" applyBorder="1" applyAlignment="1">
      <alignment horizontal="center" vertical="center" wrapText="1"/>
    </xf>
    <xf numFmtId="0" fontId="16" fillId="0" borderId="89" xfId="8" applyFont="1" applyFill="1" applyBorder="1" applyAlignment="1">
      <alignment horizontal="center" vertical="center" wrapText="1"/>
    </xf>
    <xf numFmtId="0" fontId="14" fillId="0" borderId="92" xfId="8" applyFont="1" applyFill="1" applyBorder="1" applyAlignment="1">
      <alignment horizontal="center" vertical="center" wrapText="1"/>
    </xf>
    <xf numFmtId="0" fontId="14" fillId="0" borderId="15" xfId="8" applyFont="1" applyFill="1" applyBorder="1" applyAlignment="1">
      <alignment horizontal="center" vertical="center"/>
    </xf>
    <xf numFmtId="0" fontId="14" fillId="0" borderId="3" xfId="8" applyFont="1" applyFill="1" applyBorder="1" applyAlignment="1">
      <alignment horizontal="right" vertical="center"/>
    </xf>
    <xf numFmtId="0" fontId="14" fillId="0" borderId="4" xfId="8" applyFont="1" applyFill="1" applyBorder="1" applyAlignment="1">
      <alignment horizontal="right" vertical="center"/>
    </xf>
    <xf numFmtId="0" fontId="14" fillId="0" borderId="73" xfId="8" applyFont="1" applyFill="1" applyBorder="1" applyAlignment="1">
      <alignment horizontal="right" vertical="center"/>
    </xf>
    <xf numFmtId="0" fontId="14" fillId="0" borderId="17" xfId="8" applyFont="1" applyFill="1" applyBorder="1" applyAlignment="1">
      <alignment horizontal="right" vertical="center"/>
    </xf>
    <xf numFmtId="0" fontId="14" fillId="0" borderId="118" xfId="0" applyFont="1" applyFill="1" applyBorder="1" applyAlignment="1">
      <alignment horizontal="right" vertical="center"/>
    </xf>
    <xf numFmtId="0" fontId="14" fillId="0" borderId="101" xfId="8" applyFont="1" applyFill="1" applyBorder="1" applyAlignment="1">
      <alignment horizontal="center" vertical="center"/>
    </xf>
    <xf numFmtId="0" fontId="14" fillId="0" borderId="41" xfId="8" applyFont="1" applyFill="1" applyBorder="1" applyAlignment="1">
      <alignment horizontal="right" vertical="center"/>
    </xf>
    <xf numFmtId="0" fontId="14" fillId="0" borderId="13" xfId="8" applyFont="1" applyFill="1" applyBorder="1" applyAlignment="1">
      <alignment horizontal="right" vertical="center"/>
    </xf>
    <xf numFmtId="0" fontId="14" fillId="0" borderId="14" xfId="8" applyFont="1" applyFill="1" applyBorder="1" applyAlignment="1">
      <alignment horizontal="right" vertical="center"/>
    </xf>
    <xf numFmtId="0" fontId="14" fillId="0" borderId="100" xfId="8" applyFont="1" applyFill="1" applyBorder="1" applyAlignment="1">
      <alignment horizontal="center" vertical="center"/>
    </xf>
    <xf numFmtId="0" fontId="14" fillId="0" borderId="40" xfId="8" applyFont="1" applyFill="1" applyBorder="1" applyAlignment="1">
      <alignment horizontal="right" vertical="center"/>
    </xf>
    <xf numFmtId="0" fontId="14" fillId="0" borderId="7" xfId="8" applyFont="1" applyFill="1" applyBorder="1" applyAlignment="1">
      <alignment horizontal="right" vertical="center"/>
    </xf>
    <xf numFmtId="0" fontId="14" fillId="0" borderId="104" xfId="8" applyFont="1" applyFill="1" applyBorder="1" applyAlignment="1">
      <alignment horizontal="right" vertical="center"/>
    </xf>
    <xf numFmtId="0" fontId="14" fillId="0" borderId="50" xfId="8" applyFont="1" applyFill="1" applyBorder="1" applyAlignment="1">
      <alignment horizontal="center" vertical="center"/>
    </xf>
    <xf numFmtId="0" fontId="14" fillId="0" borderId="0" xfId="8" applyFont="1" applyFill="1" applyAlignment="1">
      <alignment horizontal="center" vertical="center"/>
    </xf>
    <xf numFmtId="0" fontId="14" fillId="0" borderId="0" xfId="8" applyFont="1" applyFill="1" applyAlignment="1">
      <alignment horizontal="right" vertical="center"/>
    </xf>
    <xf numFmtId="0" fontId="14" fillId="0" borderId="0" xfId="0" applyFont="1" applyFill="1" applyAlignment="1">
      <alignment vertical="center"/>
    </xf>
    <xf numFmtId="0" fontId="18" fillId="0" borderId="0" xfId="0" applyFont="1" applyFill="1" applyAlignment="1">
      <alignment vertical="center"/>
    </xf>
    <xf numFmtId="0" fontId="19" fillId="0" borderId="0" xfId="0" applyFont="1" applyFill="1" applyBorder="1" applyAlignment="1">
      <alignment vertical="center" wrapText="1"/>
    </xf>
    <xf numFmtId="38" fontId="14" fillId="0" borderId="46" xfId="1" applyFont="1" applyFill="1" applyBorder="1" applyAlignment="1">
      <alignment horizontal="right" vertical="center"/>
    </xf>
    <xf numFmtId="0" fontId="14" fillId="0" borderId="55" xfId="0" applyFont="1" applyFill="1" applyBorder="1" applyAlignment="1">
      <alignment horizontal="right" vertical="center"/>
    </xf>
    <xf numFmtId="0" fontId="14" fillId="0" borderId="49" xfId="0" applyFont="1" applyFill="1" applyBorder="1" applyAlignment="1">
      <alignment horizontal="right" vertical="center"/>
    </xf>
    <xf numFmtId="38" fontId="14" fillId="0" borderId="49" xfId="1" applyFont="1" applyFill="1" applyBorder="1" applyAlignment="1">
      <alignment horizontal="right" vertical="center"/>
    </xf>
    <xf numFmtId="0" fontId="14" fillId="0" borderId="56" xfId="0" applyFont="1" applyFill="1" applyBorder="1" applyAlignment="1">
      <alignment horizontal="right" vertical="center"/>
    </xf>
    <xf numFmtId="38" fontId="14" fillId="0" borderId="125" xfId="1" applyFont="1" applyFill="1" applyBorder="1" applyAlignment="1">
      <alignment horizontal="right" vertical="center"/>
    </xf>
    <xf numFmtId="0" fontId="14" fillId="0" borderId="8" xfId="0" applyFont="1" applyFill="1" applyBorder="1">
      <alignment vertical="center"/>
    </xf>
    <xf numFmtId="0" fontId="14" fillId="0" borderId="59" xfId="0" applyFont="1" applyFill="1" applyBorder="1">
      <alignment vertical="center"/>
    </xf>
    <xf numFmtId="0" fontId="14" fillId="0" borderId="8" xfId="0" applyFont="1" applyFill="1" applyBorder="1" applyAlignment="1">
      <alignment vertical="center"/>
    </xf>
    <xf numFmtId="0" fontId="14" fillId="0" borderId="6" xfId="0" applyFont="1" applyFill="1" applyBorder="1" applyAlignment="1">
      <alignment vertical="center"/>
    </xf>
    <xf numFmtId="0" fontId="18" fillId="0" borderId="8" xfId="0" applyFont="1" applyFill="1" applyBorder="1" applyAlignment="1">
      <alignment vertical="center"/>
    </xf>
    <xf numFmtId="0" fontId="18" fillId="0" borderId="59" xfId="0" applyFont="1" applyFill="1" applyBorder="1" applyAlignment="1">
      <alignment vertical="center"/>
    </xf>
    <xf numFmtId="0" fontId="18" fillId="0" borderId="66" xfId="0" applyFont="1" applyFill="1" applyBorder="1" applyAlignment="1">
      <alignment vertical="center"/>
    </xf>
    <xf numFmtId="0" fontId="18" fillId="0" borderId="6" xfId="0" applyFont="1" applyFill="1" applyBorder="1" applyAlignment="1">
      <alignment vertical="center"/>
    </xf>
    <xf numFmtId="0" fontId="18" fillId="0" borderId="3" xfId="0" applyFont="1" applyFill="1" applyBorder="1" applyAlignment="1">
      <alignment vertical="center"/>
    </xf>
    <xf numFmtId="0" fontId="14" fillId="0" borderId="113" xfId="8" applyFont="1" applyFill="1" applyBorder="1" applyAlignment="1">
      <alignment horizontal="right" vertical="center"/>
    </xf>
    <xf numFmtId="0" fontId="12" fillId="0" borderId="96" xfId="0" applyFont="1" applyFill="1" applyBorder="1" applyAlignment="1">
      <alignment horizontal="center" vertical="center" wrapText="1"/>
    </xf>
    <xf numFmtId="0" fontId="14" fillId="0" borderId="89" xfId="0" applyFont="1" applyFill="1" applyBorder="1" applyAlignment="1">
      <alignment horizontal="center" vertical="center"/>
    </xf>
    <xf numFmtId="176" fontId="14" fillId="0" borderId="17" xfId="2" applyNumberFormat="1" applyFont="1" applyFill="1" applyBorder="1" applyAlignment="1">
      <alignment horizontal="center" vertical="center"/>
    </xf>
    <xf numFmtId="0" fontId="16" fillId="0" borderId="92" xfId="0" applyFont="1" applyFill="1" applyBorder="1" applyAlignment="1">
      <alignment horizontal="center" vertical="center" wrapText="1"/>
    </xf>
    <xf numFmtId="38" fontId="14" fillId="0" borderId="3" xfId="1" applyFont="1" applyFill="1" applyBorder="1" applyAlignment="1">
      <alignment vertical="center"/>
    </xf>
    <xf numFmtId="38" fontId="14" fillId="0" borderId="4" xfId="1" applyFont="1" applyFill="1" applyBorder="1" applyAlignment="1">
      <alignment vertical="center"/>
    </xf>
    <xf numFmtId="38" fontId="14" fillId="0" borderId="57" xfId="1" applyFont="1" applyFill="1" applyBorder="1" applyAlignment="1">
      <alignment vertical="center"/>
    </xf>
    <xf numFmtId="38" fontId="14" fillId="0" borderId="113" xfId="1" applyFont="1" applyFill="1" applyBorder="1" applyAlignment="1">
      <alignment vertical="center"/>
    </xf>
    <xf numFmtId="38" fontId="14" fillId="0" borderId="40" xfId="1" applyFont="1" applyFill="1" applyBorder="1" applyAlignment="1">
      <alignment vertical="center"/>
    </xf>
    <xf numFmtId="38" fontId="14" fillId="0" borderId="7" xfId="1" applyFont="1" applyFill="1" applyBorder="1" applyAlignment="1">
      <alignment vertical="center"/>
    </xf>
    <xf numFmtId="38" fontId="14" fillId="0" borderId="77" xfId="1" applyFont="1" applyFill="1" applyBorder="1" applyAlignment="1">
      <alignment vertical="center"/>
    </xf>
    <xf numFmtId="38" fontId="14" fillId="0" borderId="72" xfId="1" applyFont="1" applyFill="1" applyBorder="1" applyAlignment="1">
      <alignment vertical="center"/>
    </xf>
    <xf numFmtId="38" fontId="14" fillId="0" borderId="41" xfId="1" applyFont="1" applyFill="1" applyBorder="1" applyAlignment="1">
      <alignment vertical="center"/>
    </xf>
    <xf numFmtId="38" fontId="14" fillId="0" borderId="13" xfId="1" applyFont="1" applyFill="1" applyBorder="1" applyAlignment="1">
      <alignment vertical="center"/>
    </xf>
    <xf numFmtId="38" fontId="14" fillId="0" borderId="42" xfId="1" applyFont="1" applyFill="1" applyBorder="1" applyAlignment="1">
      <alignment vertical="center"/>
    </xf>
    <xf numFmtId="38" fontId="14" fillId="0" borderId="71" xfId="1" applyFont="1" applyFill="1" applyBorder="1" applyAlignment="1">
      <alignment vertical="center"/>
    </xf>
    <xf numFmtId="38" fontId="14" fillId="0" borderId="70" xfId="1" applyFont="1" applyFill="1" applyBorder="1" applyAlignment="1">
      <alignment vertical="center"/>
    </xf>
    <xf numFmtId="176" fontId="14" fillId="0" borderId="53" xfId="2" applyNumberFormat="1" applyFont="1" applyFill="1" applyBorder="1" applyAlignment="1">
      <alignment vertical="center"/>
    </xf>
    <xf numFmtId="176" fontId="14" fillId="0" borderId="116" xfId="2" applyNumberFormat="1" applyFont="1" applyFill="1" applyBorder="1" applyAlignment="1">
      <alignment vertical="center"/>
    </xf>
    <xf numFmtId="0" fontId="14" fillId="0" borderId="3" xfId="2" applyNumberFormat="1" applyFont="1" applyFill="1" applyBorder="1" applyAlignment="1">
      <alignment vertical="center"/>
    </xf>
    <xf numFmtId="0" fontId="14" fillId="0" borderId="4" xfId="2" applyNumberFormat="1" applyFont="1" applyFill="1" applyBorder="1" applyAlignment="1">
      <alignment vertical="center"/>
    </xf>
    <xf numFmtId="0" fontId="14" fillId="0" borderId="57" xfId="2" applyNumberFormat="1" applyFont="1" applyFill="1" applyBorder="1" applyAlignment="1">
      <alignment vertical="center"/>
    </xf>
    <xf numFmtId="0" fontId="14" fillId="0" borderId="40" xfId="2" applyNumberFormat="1" applyFont="1" applyFill="1" applyBorder="1" applyAlignment="1">
      <alignment vertical="center"/>
    </xf>
    <xf numFmtId="0" fontId="14" fillId="0" borderId="7" xfId="2" applyNumberFormat="1" applyFont="1" applyFill="1" applyBorder="1" applyAlignment="1">
      <alignment vertical="center"/>
    </xf>
    <xf numFmtId="0" fontId="14" fillId="0" borderId="77" xfId="2" applyNumberFormat="1" applyFont="1" applyFill="1" applyBorder="1" applyAlignment="1">
      <alignment vertical="center"/>
    </xf>
    <xf numFmtId="38" fontId="14" fillId="0" borderId="119" xfId="1" applyFont="1" applyFill="1" applyBorder="1" applyAlignment="1">
      <alignment vertical="center"/>
    </xf>
    <xf numFmtId="0" fontId="14" fillId="0" borderId="41" xfId="2" applyNumberFormat="1" applyFont="1" applyFill="1" applyBorder="1" applyAlignment="1">
      <alignment vertical="center"/>
    </xf>
    <xf numFmtId="0" fontId="14" fillId="0" borderId="13" xfId="2" applyNumberFormat="1" applyFont="1" applyFill="1" applyBorder="1" applyAlignment="1">
      <alignment vertical="center"/>
    </xf>
    <xf numFmtId="0" fontId="14" fillId="0" borderId="42" xfId="2" applyNumberFormat="1" applyFont="1" applyFill="1" applyBorder="1" applyAlignment="1">
      <alignment vertical="center"/>
    </xf>
    <xf numFmtId="38" fontId="14" fillId="0" borderId="118" xfId="1" applyFont="1" applyFill="1" applyBorder="1" applyAlignment="1">
      <alignment vertical="center"/>
    </xf>
    <xf numFmtId="176" fontId="14" fillId="0" borderId="0" xfId="2" applyNumberFormat="1" applyFont="1" applyFill="1" applyBorder="1" applyAlignment="1">
      <alignment vertical="center"/>
    </xf>
    <xf numFmtId="0" fontId="14" fillId="0" borderId="26" xfId="0" applyFont="1" applyFill="1" applyBorder="1" applyAlignment="1">
      <alignment horizontal="center" vertical="center"/>
    </xf>
    <xf numFmtId="0" fontId="14" fillId="0" borderId="11" xfId="0" applyFont="1" applyFill="1" applyBorder="1" applyAlignment="1">
      <alignment horizontal="center" vertical="center"/>
    </xf>
    <xf numFmtId="0" fontId="14" fillId="0" borderId="91" xfId="0" applyFont="1" applyFill="1" applyBorder="1" applyAlignment="1">
      <alignment horizontal="center" vertical="center"/>
    </xf>
    <xf numFmtId="0" fontId="14" fillId="0" borderId="16" xfId="0" applyFont="1" applyFill="1" applyBorder="1" applyAlignment="1">
      <alignment horizontal="center" vertical="center"/>
    </xf>
    <xf numFmtId="0" fontId="14" fillId="0" borderId="89" xfId="0" applyFont="1" applyFill="1" applyBorder="1" applyAlignment="1">
      <alignment horizontal="center" vertical="center"/>
    </xf>
    <xf numFmtId="0" fontId="14" fillId="0" borderId="15" xfId="0" applyFont="1" applyFill="1" applyBorder="1" applyAlignment="1">
      <alignment horizontal="center" vertical="center"/>
    </xf>
    <xf numFmtId="0" fontId="14" fillId="0" borderId="50" xfId="0" applyFont="1" applyFill="1" applyBorder="1" applyAlignment="1">
      <alignment horizontal="center" vertical="center"/>
    </xf>
    <xf numFmtId="0" fontId="14" fillId="0" borderId="90" xfId="0" applyFont="1" applyFill="1" applyBorder="1" applyAlignment="1">
      <alignment horizontal="center" vertical="center"/>
    </xf>
    <xf numFmtId="0" fontId="14" fillId="0" borderId="0" xfId="0" applyFont="1" applyFill="1" applyBorder="1" applyAlignment="1">
      <alignment horizontal="center" vertical="center"/>
    </xf>
    <xf numFmtId="177" fontId="14" fillId="0" borderId="0" xfId="1" applyNumberFormat="1" applyFont="1" applyFill="1" applyBorder="1">
      <alignment vertical="center"/>
    </xf>
    <xf numFmtId="176" fontId="14" fillId="0" borderId="0" xfId="2" applyNumberFormat="1" applyFont="1" applyFill="1" applyBorder="1" applyAlignment="1">
      <alignment horizontal="right" vertical="center"/>
    </xf>
    <xf numFmtId="0" fontId="13" fillId="0" borderId="0" xfId="0" applyFont="1" applyFill="1" applyAlignment="1">
      <alignment vertical="center"/>
    </xf>
    <xf numFmtId="38" fontId="14" fillId="0" borderId="121" xfId="1" applyFont="1" applyFill="1" applyBorder="1" applyAlignment="1">
      <alignment vertical="center"/>
    </xf>
    <xf numFmtId="38" fontId="14" fillId="0" borderId="73" xfId="1" applyFont="1" applyFill="1" applyBorder="1" applyAlignment="1">
      <alignment vertical="center"/>
    </xf>
    <xf numFmtId="38" fontId="14" fillId="0" borderId="122" xfId="1" applyFont="1" applyFill="1" applyBorder="1" applyAlignment="1">
      <alignment vertical="center"/>
    </xf>
    <xf numFmtId="38" fontId="14" fillId="0" borderId="118" xfId="1" applyFont="1" applyFill="1" applyBorder="1" applyAlignment="1">
      <alignment horizontal="right" vertical="center"/>
    </xf>
    <xf numFmtId="38" fontId="14" fillId="0" borderId="17" xfId="1" applyFont="1" applyFill="1" applyBorder="1" applyAlignment="1">
      <alignment horizontal="right" vertical="center"/>
    </xf>
    <xf numFmtId="38" fontId="14" fillId="0" borderId="64" xfId="1" applyFont="1" applyFill="1" applyBorder="1" applyAlignment="1">
      <alignment horizontal="center" vertical="center"/>
    </xf>
    <xf numFmtId="38" fontId="14" fillId="0" borderId="70" xfId="0" applyNumberFormat="1" applyFont="1" applyFill="1" applyBorder="1" applyAlignment="1">
      <alignment horizontal="right" vertical="center"/>
    </xf>
    <xf numFmtId="0" fontId="14" fillId="0" borderId="5" xfId="0" applyFont="1" applyFill="1" applyBorder="1">
      <alignment vertical="center"/>
    </xf>
    <xf numFmtId="0" fontId="14" fillId="0" borderId="65" xfId="0" applyFont="1" applyFill="1" applyBorder="1">
      <alignment vertical="center"/>
    </xf>
    <xf numFmtId="0" fontId="14" fillId="0" borderId="57" xfId="0" applyFont="1" applyFill="1" applyBorder="1">
      <alignment vertical="center"/>
    </xf>
    <xf numFmtId="0" fontId="14" fillId="0" borderId="5" xfId="0" applyFont="1" applyFill="1" applyBorder="1" applyAlignment="1">
      <alignment vertical="center"/>
    </xf>
    <xf numFmtId="0" fontId="14" fillId="0" borderId="65" xfId="0" applyFont="1" applyFill="1" applyBorder="1" applyAlignment="1">
      <alignment vertical="center"/>
    </xf>
    <xf numFmtId="0" fontId="14" fillId="0" borderId="65" xfId="0" applyFont="1" applyFill="1" applyBorder="1" applyAlignment="1">
      <alignment vertical="center" wrapText="1"/>
    </xf>
    <xf numFmtId="0" fontId="14" fillId="0" borderId="57" xfId="0" applyFont="1" applyFill="1" applyBorder="1" applyAlignment="1">
      <alignment vertical="center" wrapText="1"/>
    </xf>
    <xf numFmtId="0" fontId="14" fillId="0" borderId="57" xfId="0" applyFont="1" applyFill="1" applyBorder="1" applyAlignment="1">
      <alignment vertical="center"/>
    </xf>
    <xf numFmtId="38" fontId="14" fillId="0" borderId="16" xfId="1" applyFont="1" applyFill="1" applyBorder="1" applyAlignment="1">
      <alignment horizontal="center" vertical="center"/>
    </xf>
    <xf numFmtId="38" fontId="14" fillId="0" borderId="4" xfId="1" applyFont="1" applyFill="1" applyBorder="1" applyAlignment="1">
      <alignment horizontal="center" vertical="center"/>
    </xf>
    <xf numFmtId="38" fontId="14" fillId="0" borderId="3" xfId="1" applyFont="1" applyFill="1" applyBorder="1" applyAlignment="1">
      <alignment horizontal="center" vertical="center"/>
    </xf>
    <xf numFmtId="0" fontId="14" fillId="0" borderId="53" xfId="0" applyFont="1" applyFill="1" applyBorder="1" applyAlignment="1">
      <alignment horizontal="right" vertical="center"/>
    </xf>
    <xf numFmtId="0" fontId="14" fillId="0" borderId="63" xfId="0" applyFont="1" applyFill="1" applyBorder="1" applyAlignment="1">
      <alignment horizontal="right" vertical="center"/>
    </xf>
    <xf numFmtId="0" fontId="14" fillId="0" borderId="81" xfId="0" applyFont="1" applyFill="1" applyBorder="1" applyAlignment="1">
      <alignment horizontal="right" vertical="center"/>
    </xf>
    <xf numFmtId="0" fontId="14" fillId="0" borderId="116" xfId="0" applyFont="1" applyFill="1" applyBorder="1" applyAlignment="1">
      <alignment horizontal="right" vertical="center"/>
    </xf>
    <xf numFmtId="38" fontId="14" fillId="0" borderId="53" xfId="0" applyNumberFormat="1" applyFont="1" applyFill="1" applyBorder="1" applyAlignment="1">
      <alignment horizontal="right" vertical="center" wrapText="1"/>
    </xf>
    <xf numFmtId="38" fontId="14" fillId="0" borderId="63" xfId="0" applyNumberFormat="1" applyFont="1" applyFill="1" applyBorder="1" applyAlignment="1">
      <alignment horizontal="right" vertical="center" wrapText="1"/>
    </xf>
    <xf numFmtId="38" fontId="14" fillId="0" borderId="64" xfId="0" applyNumberFormat="1" applyFont="1" applyFill="1" applyBorder="1" applyAlignment="1">
      <alignment horizontal="right" vertical="center" wrapText="1"/>
    </xf>
    <xf numFmtId="0" fontId="14" fillId="0" borderId="0" xfId="8" applyFont="1" applyFill="1" applyBorder="1" applyAlignment="1">
      <alignment horizontal="center" vertical="center"/>
    </xf>
    <xf numFmtId="0" fontId="14" fillId="0" borderId="0" xfId="0" applyFont="1" applyFill="1" applyBorder="1" applyAlignment="1">
      <alignment vertical="center"/>
    </xf>
    <xf numFmtId="177" fontId="14" fillId="0" borderId="4" xfId="1" applyNumberFormat="1" applyFont="1" applyFill="1" applyBorder="1" applyAlignment="1">
      <alignment horizontal="center" vertical="center"/>
    </xf>
    <xf numFmtId="0" fontId="14" fillId="0" borderId="9" xfId="0" applyFont="1" applyFill="1" applyBorder="1" applyAlignment="1">
      <alignment horizontal="center" vertical="center"/>
    </xf>
    <xf numFmtId="0" fontId="14" fillId="0" borderId="10" xfId="0" applyFont="1" applyFill="1" applyBorder="1" applyAlignment="1">
      <alignment horizontal="center" vertical="center"/>
    </xf>
    <xf numFmtId="0" fontId="14" fillId="0" borderId="11" xfId="0" applyFont="1" applyFill="1" applyBorder="1" applyAlignment="1">
      <alignment horizontal="center" vertical="center"/>
    </xf>
    <xf numFmtId="0" fontId="14" fillId="0" borderId="26" xfId="0" applyFont="1" applyFill="1" applyBorder="1" applyAlignment="1">
      <alignment horizontal="center" vertical="center"/>
    </xf>
    <xf numFmtId="0" fontId="14" fillId="0" borderId="36" xfId="0" applyFont="1" applyFill="1" applyBorder="1" applyAlignment="1">
      <alignment horizontal="center" vertical="center"/>
    </xf>
    <xf numFmtId="0" fontId="14" fillId="0" borderId="99" xfId="0" applyFont="1" applyFill="1" applyBorder="1" applyAlignment="1">
      <alignment horizontal="center" vertical="center"/>
    </xf>
    <xf numFmtId="0" fontId="14" fillId="0" borderId="102" xfId="0" applyFont="1" applyFill="1" applyBorder="1" applyAlignment="1">
      <alignment horizontal="center" vertical="center"/>
    </xf>
    <xf numFmtId="0" fontId="14" fillId="0" borderId="76" xfId="0" applyFont="1" applyFill="1" applyBorder="1" applyAlignment="1">
      <alignment horizontal="center" vertical="center"/>
    </xf>
    <xf numFmtId="0" fontId="14" fillId="0" borderId="94" xfId="0" applyFont="1" applyFill="1" applyBorder="1" applyAlignment="1">
      <alignment horizontal="center" vertical="center"/>
    </xf>
    <xf numFmtId="0" fontId="14" fillId="0" borderId="47" xfId="0" applyFont="1" applyFill="1" applyBorder="1" applyAlignment="1">
      <alignment horizontal="center" vertical="center"/>
    </xf>
    <xf numFmtId="0" fontId="14" fillId="0" borderId="91" xfId="0" applyFont="1" applyFill="1" applyBorder="1" applyAlignment="1">
      <alignment horizontal="center" vertical="center"/>
    </xf>
    <xf numFmtId="0" fontId="14" fillId="0" borderId="67" xfId="0" applyFont="1" applyFill="1" applyBorder="1" applyAlignment="1">
      <alignment horizontal="center" vertical="center"/>
    </xf>
    <xf numFmtId="0" fontId="14" fillId="0" borderId="93" xfId="0" applyFont="1" applyFill="1" applyBorder="1" applyAlignment="1">
      <alignment horizontal="center" vertical="center"/>
    </xf>
    <xf numFmtId="0" fontId="14" fillId="0" borderId="75" xfId="0" applyFont="1" applyFill="1" applyBorder="1" applyAlignment="1">
      <alignment horizontal="center" vertical="center"/>
    </xf>
    <xf numFmtId="0" fontId="14" fillId="0" borderId="80" xfId="0" applyFont="1" applyFill="1" applyBorder="1" applyAlignment="1">
      <alignment horizontal="center" vertical="center"/>
    </xf>
    <xf numFmtId="0" fontId="14" fillId="0" borderId="45" xfId="0" applyFont="1" applyFill="1" applyBorder="1" applyAlignment="1">
      <alignment horizontal="center" vertical="center"/>
    </xf>
    <xf numFmtId="0" fontId="14" fillId="0" borderId="85" xfId="0" applyFont="1" applyFill="1" applyBorder="1" applyAlignment="1">
      <alignment horizontal="center" vertical="center"/>
    </xf>
    <xf numFmtId="0" fontId="14" fillId="0" borderId="89" xfId="0" applyFont="1" applyFill="1" applyBorder="1" applyAlignment="1">
      <alignment horizontal="center" vertical="center"/>
    </xf>
    <xf numFmtId="0" fontId="14" fillId="0" borderId="68" xfId="0" applyFont="1" applyFill="1" applyBorder="1" applyAlignment="1">
      <alignment horizontal="center" vertical="center" wrapText="1"/>
    </xf>
    <xf numFmtId="0" fontId="14" fillId="0" borderId="26" xfId="0" applyFont="1" applyFill="1" applyBorder="1" applyAlignment="1">
      <alignment horizontal="center" vertical="center" wrapText="1"/>
    </xf>
    <xf numFmtId="0" fontId="14" fillId="0" borderId="15" xfId="0" applyFont="1" applyFill="1" applyBorder="1" applyAlignment="1">
      <alignment horizontal="center" vertical="center"/>
    </xf>
    <xf numFmtId="0" fontId="14" fillId="0" borderId="100" xfId="0" applyFont="1" applyFill="1" applyBorder="1" applyAlignment="1">
      <alignment horizontal="center" vertical="center"/>
    </xf>
    <xf numFmtId="0" fontId="14" fillId="0" borderId="50" xfId="0" applyFont="1" applyFill="1" applyBorder="1" applyAlignment="1">
      <alignment horizontal="center" vertical="center"/>
    </xf>
    <xf numFmtId="0" fontId="14" fillId="0" borderId="124" xfId="0" applyFont="1" applyFill="1" applyBorder="1" applyAlignment="1">
      <alignment horizontal="center" vertical="center"/>
    </xf>
    <xf numFmtId="0" fontId="14" fillId="0" borderId="16" xfId="0" applyFont="1" applyFill="1" applyBorder="1" applyAlignment="1">
      <alignment horizontal="center" vertical="center"/>
    </xf>
    <xf numFmtId="0" fontId="14" fillId="0" borderId="60" xfId="0" applyFont="1" applyFill="1" applyBorder="1" applyAlignment="1">
      <alignment horizontal="center" vertical="center"/>
    </xf>
    <xf numFmtId="0" fontId="14" fillId="0" borderId="99" xfId="12" applyFont="1" applyFill="1" applyBorder="1" applyAlignment="1">
      <alignment horizontal="center" vertical="center"/>
    </xf>
    <xf numFmtId="0" fontId="14" fillId="0" borderId="80" xfId="12" applyFont="1" applyFill="1" applyBorder="1" applyAlignment="1">
      <alignment horizontal="center" vertical="center"/>
    </xf>
    <xf numFmtId="0" fontId="14" fillId="0" borderId="45" xfId="12" applyFont="1" applyFill="1" applyBorder="1" applyAlignment="1">
      <alignment horizontal="center" vertical="center"/>
    </xf>
    <xf numFmtId="0" fontId="14" fillId="0" borderId="99" xfId="12" applyFont="1" applyFill="1" applyBorder="1" applyAlignment="1">
      <alignment horizontal="center" vertical="center" wrapText="1"/>
    </xf>
    <xf numFmtId="0" fontId="14" fillId="0" borderId="45" xfId="12" applyFont="1" applyFill="1" applyBorder="1" applyAlignment="1">
      <alignment horizontal="center" vertical="center" wrapText="1"/>
    </xf>
    <xf numFmtId="0" fontId="14" fillId="0" borderId="110" xfId="12" applyFont="1" applyFill="1" applyBorder="1" applyAlignment="1">
      <alignment horizontal="left" vertical="center"/>
    </xf>
    <xf numFmtId="0" fontId="14" fillId="0" borderId="95" xfId="12" applyFont="1" applyFill="1" applyBorder="1" applyAlignment="1">
      <alignment horizontal="left" vertical="center"/>
    </xf>
    <xf numFmtId="0" fontId="14" fillId="0" borderId="29" xfId="12" applyFont="1" applyFill="1" applyBorder="1" applyAlignment="1">
      <alignment horizontal="left" vertical="center"/>
    </xf>
    <xf numFmtId="0" fontId="14" fillId="0" borderId="105" xfId="0" applyFont="1" applyFill="1" applyBorder="1" applyAlignment="1">
      <alignment horizontal="center" vertical="center"/>
    </xf>
    <xf numFmtId="0" fontId="14" fillId="0" borderId="98" xfId="0" applyFont="1" applyFill="1" applyBorder="1" applyAlignment="1">
      <alignment horizontal="center" vertical="center"/>
    </xf>
    <xf numFmtId="0" fontId="14" fillId="0" borderId="19" xfId="0" applyFont="1" applyFill="1" applyBorder="1" applyAlignment="1">
      <alignment horizontal="center" vertical="center"/>
    </xf>
    <xf numFmtId="0" fontId="14" fillId="0" borderId="34" xfId="12" applyFont="1" applyFill="1" applyBorder="1" applyAlignment="1">
      <alignment horizontal="center" vertical="center"/>
    </xf>
    <xf numFmtId="0" fontId="14" fillId="0" borderId="35" xfId="12" applyFont="1" applyFill="1" applyBorder="1" applyAlignment="1">
      <alignment horizontal="center" vertical="center"/>
    </xf>
    <xf numFmtId="0" fontId="21" fillId="0" borderId="48" xfId="0" applyFont="1" applyFill="1" applyBorder="1" applyAlignment="1">
      <alignment horizontal="center" vertical="center"/>
    </xf>
    <xf numFmtId="0" fontId="21" fillId="0" borderId="49" xfId="0" applyFont="1" applyFill="1" applyBorder="1" applyAlignment="1">
      <alignment horizontal="center" vertical="center"/>
    </xf>
    <xf numFmtId="0" fontId="21" fillId="0" borderId="54" xfId="0" applyFont="1" applyFill="1" applyBorder="1" applyAlignment="1">
      <alignment horizontal="center" vertical="center"/>
    </xf>
    <xf numFmtId="0" fontId="21" fillId="0" borderId="67" xfId="0" applyFont="1" applyFill="1" applyBorder="1" applyAlignment="1">
      <alignment horizontal="center" vertical="center" wrapText="1"/>
    </xf>
    <xf numFmtId="0" fontId="21" fillId="0" borderId="93" xfId="0" applyFont="1" applyFill="1" applyBorder="1" applyAlignment="1">
      <alignment horizontal="center" vertical="center" wrapText="1"/>
    </xf>
    <xf numFmtId="0" fontId="21" fillId="0" borderId="28" xfId="0" applyFont="1" applyFill="1" applyBorder="1" applyAlignment="1">
      <alignment horizontal="center" vertical="center" wrapText="1"/>
    </xf>
    <xf numFmtId="0" fontId="21" fillId="0" borderId="29" xfId="0" applyFont="1" applyFill="1" applyBorder="1" applyAlignment="1">
      <alignment horizontal="center" vertical="center" wrapText="1"/>
    </xf>
    <xf numFmtId="0" fontId="21" fillId="0" borderId="55" xfId="0" applyFont="1" applyFill="1" applyBorder="1" applyAlignment="1">
      <alignment horizontal="center" vertical="center"/>
    </xf>
    <xf numFmtId="0" fontId="21" fillId="0" borderId="56" xfId="0" applyFont="1" applyFill="1" applyBorder="1" applyAlignment="1">
      <alignment horizontal="center" vertical="center"/>
    </xf>
    <xf numFmtId="0" fontId="14" fillId="0" borderId="68" xfId="0" applyFont="1" applyFill="1" applyBorder="1" applyAlignment="1">
      <alignment horizontal="center" vertical="center"/>
    </xf>
    <xf numFmtId="0" fontId="14" fillId="0" borderId="27" xfId="0" applyFont="1" applyFill="1" applyBorder="1" applyAlignment="1">
      <alignment horizontal="center" vertical="center"/>
    </xf>
    <xf numFmtId="0" fontId="14" fillId="0" borderId="97" xfId="0" applyFont="1" applyFill="1" applyBorder="1" applyAlignment="1">
      <alignment horizontal="center" vertical="center"/>
    </xf>
    <xf numFmtId="0" fontId="14" fillId="0" borderId="90" xfId="0" applyFont="1" applyFill="1" applyBorder="1" applyAlignment="1">
      <alignment horizontal="center" vertical="center"/>
    </xf>
    <xf numFmtId="0" fontId="14" fillId="0" borderId="77" xfId="0" applyFont="1" applyFill="1" applyBorder="1" applyAlignment="1">
      <alignment horizontal="left" vertical="center" wrapText="1"/>
    </xf>
    <xf numFmtId="0" fontId="14" fillId="0" borderId="38" xfId="0" applyFont="1" applyFill="1" applyBorder="1" applyAlignment="1">
      <alignment horizontal="left" vertical="center" wrapText="1"/>
    </xf>
    <xf numFmtId="0" fontId="14" fillId="0" borderId="30" xfId="0" applyFont="1" applyFill="1" applyBorder="1" applyAlignment="1">
      <alignment horizontal="left" vertical="center" wrapText="1"/>
    </xf>
  </cellXfs>
  <cellStyles count="14">
    <cellStyle name="パーセント" xfId="2" builtinId="5"/>
    <cellStyle name="パーセント 2 2" xfId="5"/>
    <cellStyle name="桁区切り" xfId="1" builtinId="6"/>
    <cellStyle name="標準" xfId="0" builtinId="0"/>
    <cellStyle name="標準 2" xfId="9"/>
    <cellStyle name="標準 2 2" xfId="6"/>
    <cellStyle name="標準 2 2 2" xfId="8"/>
    <cellStyle name="標準 2 3" xfId="10"/>
    <cellStyle name="標準 2 4" xfId="11"/>
    <cellStyle name="標準 2 5 2" xfId="3"/>
    <cellStyle name="標準 3" xfId="13"/>
    <cellStyle name="標準 3 2 2" xfId="4"/>
    <cellStyle name="標準 3 2 2 2" xfId="7"/>
    <cellStyle name="標準_課程別離職状況２" xfId="12"/>
  </cellStyles>
  <dxfs count="0"/>
  <tableStyles count="0" defaultTableStyle="TableStyleMedium2" defaultPivotStyle="PivotStyleLight16"/>
  <colors>
    <mruColors>
      <color rgb="FFFF99CC"/>
      <color rgb="FFD9D9D9"/>
      <color rgb="FF66FF66"/>
      <color rgb="FFCC66FF"/>
      <color rgb="FFCCFFCC"/>
      <color rgb="FF99FF99"/>
      <color rgb="FF66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62"/>
  <sheetViews>
    <sheetView tabSelected="1" view="pageBreakPreview" zoomScale="80" zoomScaleNormal="70" zoomScaleSheetLayoutView="80" workbookViewId="0"/>
  </sheetViews>
  <sheetFormatPr defaultColWidth="14.77734375" defaultRowHeight="19.95" customHeight="1" x14ac:dyDescent="0.2"/>
  <cols>
    <col min="1" max="1" width="4.33203125" style="88" bestFit="1" customWidth="1"/>
    <col min="2" max="2" width="13.77734375" style="88" customWidth="1"/>
    <col min="3" max="3" width="13.77734375" style="106" customWidth="1"/>
    <col min="4" max="4" width="13.77734375" style="88" customWidth="1"/>
    <col min="5" max="5" width="14.77734375" style="88" customWidth="1"/>
    <col min="6" max="9" width="13.77734375" style="88" customWidth="1"/>
    <col min="10" max="10" width="14.77734375" style="88" customWidth="1"/>
    <col min="11" max="14" width="13.77734375" style="88" customWidth="1"/>
    <col min="15" max="15" width="14.77734375" style="88" customWidth="1"/>
    <col min="16" max="19" width="13.77734375" style="88" customWidth="1"/>
    <col min="20" max="16384" width="14.77734375" style="88"/>
  </cols>
  <sheetData>
    <row r="1" spans="1:18" ht="19.95" customHeight="1" x14ac:dyDescent="0.2">
      <c r="A1" s="86" t="s">
        <v>73</v>
      </c>
      <c r="B1" s="81" t="s">
        <v>74</v>
      </c>
      <c r="C1" s="87"/>
    </row>
    <row r="2" spans="1:18" ht="19.95" customHeight="1" x14ac:dyDescent="0.2">
      <c r="A2" s="374"/>
      <c r="B2" s="81" t="s">
        <v>75</v>
      </c>
      <c r="C2" s="90"/>
      <c r="F2" s="91" t="s">
        <v>76</v>
      </c>
      <c r="G2" s="91"/>
    </row>
    <row r="3" spans="1:18" ht="19.95" customHeight="1" x14ac:dyDescent="0.2">
      <c r="A3" s="89"/>
      <c r="B3" s="90"/>
      <c r="C3" s="90"/>
      <c r="F3" s="91" t="s">
        <v>77</v>
      </c>
      <c r="G3" s="91" t="s">
        <v>168</v>
      </c>
    </row>
    <row r="4" spans="1:18" ht="19.95" customHeight="1" thickBot="1" x14ac:dyDescent="0.25">
      <c r="B4" s="92" t="s">
        <v>214</v>
      </c>
      <c r="C4" s="92"/>
      <c r="F4" s="91" t="s">
        <v>78</v>
      </c>
      <c r="G4" s="91" t="s">
        <v>169</v>
      </c>
      <c r="M4" s="93"/>
      <c r="N4" s="93"/>
      <c r="O4" s="94"/>
      <c r="Q4" s="94"/>
    </row>
    <row r="5" spans="1:18" ht="19.95" customHeight="1" x14ac:dyDescent="0.2">
      <c r="B5" s="408"/>
      <c r="C5" s="410" t="s">
        <v>23</v>
      </c>
      <c r="D5" s="404" t="s">
        <v>5</v>
      </c>
      <c r="E5" s="404"/>
      <c r="F5" s="404"/>
      <c r="G5" s="404"/>
      <c r="H5" s="405"/>
      <c r="I5" s="403" t="s">
        <v>3</v>
      </c>
      <c r="J5" s="404"/>
      <c r="K5" s="404"/>
      <c r="L5" s="404"/>
      <c r="M5" s="405"/>
      <c r="N5" s="403" t="s">
        <v>4</v>
      </c>
      <c r="O5" s="404"/>
      <c r="P5" s="404"/>
      <c r="Q5" s="404"/>
      <c r="R5" s="405"/>
    </row>
    <row r="6" spans="1:18" ht="20.100000000000001" customHeight="1" thickBot="1" x14ac:dyDescent="0.25">
      <c r="B6" s="409"/>
      <c r="C6" s="411"/>
      <c r="D6" s="95" t="s">
        <v>170</v>
      </c>
      <c r="E6" s="96" t="s">
        <v>167</v>
      </c>
      <c r="F6" s="96" t="s">
        <v>79</v>
      </c>
      <c r="G6" s="96" t="s">
        <v>80</v>
      </c>
      <c r="H6" s="97" t="s">
        <v>81</v>
      </c>
      <c r="I6" s="98" t="s">
        <v>170</v>
      </c>
      <c r="J6" s="96" t="s">
        <v>167</v>
      </c>
      <c r="K6" s="96" t="s">
        <v>79</v>
      </c>
      <c r="L6" s="96" t="s">
        <v>80</v>
      </c>
      <c r="M6" s="97" t="s">
        <v>81</v>
      </c>
      <c r="N6" s="98" t="s">
        <v>170</v>
      </c>
      <c r="O6" s="96" t="s">
        <v>167</v>
      </c>
      <c r="P6" s="96" t="s">
        <v>79</v>
      </c>
      <c r="Q6" s="96" t="s">
        <v>80</v>
      </c>
      <c r="R6" s="97" t="s">
        <v>81</v>
      </c>
    </row>
    <row r="7" spans="1:18" ht="19.95" customHeight="1" thickTop="1" thickBot="1" x14ac:dyDescent="0.25">
      <c r="B7" s="406" t="s">
        <v>21</v>
      </c>
      <c r="C7" s="99" t="s">
        <v>24</v>
      </c>
      <c r="D7" s="392" t="s">
        <v>259</v>
      </c>
      <c r="E7" s="391" t="s">
        <v>259</v>
      </c>
      <c r="F7" s="402" t="s">
        <v>259</v>
      </c>
      <c r="G7" s="391" t="s">
        <v>259</v>
      </c>
      <c r="H7" s="334" t="s">
        <v>231</v>
      </c>
      <c r="I7" s="390" t="s">
        <v>259</v>
      </c>
      <c r="J7" s="391" t="s">
        <v>259</v>
      </c>
      <c r="K7" s="402" t="s">
        <v>259</v>
      </c>
      <c r="L7" s="391" t="s">
        <v>259</v>
      </c>
      <c r="M7" s="334" t="s">
        <v>231</v>
      </c>
      <c r="N7" s="390" t="s">
        <v>259</v>
      </c>
      <c r="O7" s="391" t="s">
        <v>259</v>
      </c>
      <c r="P7" s="402" t="s">
        <v>259</v>
      </c>
      <c r="Q7" s="391" t="s">
        <v>259</v>
      </c>
      <c r="R7" s="334" t="s">
        <v>231</v>
      </c>
    </row>
    <row r="8" spans="1:18" ht="19.95" customHeight="1" thickBot="1" x14ac:dyDescent="0.25">
      <c r="B8" s="407"/>
      <c r="C8" s="100" t="s">
        <v>6</v>
      </c>
      <c r="D8" s="14">
        <v>214</v>
      </c>
      <c r="E8" s="2">
        <v>211</v>
      </c>
      <c r="F8" s="39">
        <v>212.5</v>
      </c>
      <c r="G8" s="2">
        <v>40</v>
      </c>
      <c r="H8" s="3">
        <v>0.18823529411764706</v>
      </c>
      <c r="I8" s="5">
        <v>130</v>
      </c>
      <c r="J8" s="101">
        <v>126</v>
      </c>
      <c r="K8" s="39">
        <v>128</v>
      </c>
      <c r="L8" s="2">
        <v>24</v>
      </c>
      <c r="M8" s="3">
        <v>0.1875</v>
      </c>
      <c r="N8" s="5">
        <v>84</v>
      </c>
      <c r="O8" s="101">
        <v>85</v>
      </c>
      <c r="P8" s="39">
        <v>84.5</v>
      </c>
      <c r="Q8" s="2">
        <v>16</v>
      </c>
      <c r="R8" s="3">
        <v>0.1893491124260355</v>
      </c>
    </row>
    <row r="9" spans="1:18" ht="19.95" customHeight="1" thickBot="1" x14ac:dyDescent="0.25">
      <c r="B9" s="407"/>
      <c r="C9" s="100" t="s">
        <v>25</v>
      </c>
      <c r="D9" s="14">
        <v>816</v>
      </c>
      <c r="E9" s="2">
        <v>813</v>
      </c>
      <c r="F9" s="39">
        <v>814.5</v>
      </c>
      <c r="G9" s="2">
        <v>128</v>
      </c>
      <c r="H9" s="3">
        <v>0.15715162676488642</v>
      </c>
      <c r="I9" s="5">
        <v>464</v>
      </c>
      <c r="J9" s="101">
        <v>463</v>
      </c>
      <c r="K9" s="39">
        <v>463.5</v>
      </c>
      <c r="L9" s="2">
        <v>78</v>
      </c>
      <c r="M9" s="3">
        <v>0.16828478964401294</v>
      </c>
      <c r="N9" s="5">
        <v>352</v>
      </c>
      <c r="O9" s="101">
        <v>350</v>
      </c>
      <c r="P9" s="39">
        <v>351</v>
      </c>
      <c r="Q9" s="2">
        <v>50</v>
      </c>
      <c r="R9" s="3">
        <v>0.14245014245014245</v>
      </c>
    </row>
    <row r="10" spans="1:18" ht="19.95" customHeight="1" thickBot="1" x14ac:dyDescent="0.25">
      <c r="B10" s="407"/>
      <c r="C10" s="102" t="s">
        <v>29</v>
      </c>
      <c r="D10" s="45">
        <v>283</v>
      </c>
      <c r="E10" s="46">
        <v>270</v>
      </c>
      <c r="F10" s="47">
        <v>276.5</v>
      </c>
      <c r="G10" s="46">
        <v>63</v>
      </c>
      <c r="H10" s="48">
        <v>0.22784810126582278</v>
      </c>
      <c r="I10" s="103">
        <v>140</v>
      </c>
      <c r="J10" s="104">
        <v>126</v>
      </c>
      <c r="K10" s="47">
        <v>133</v>
      </c>
      <c r="L10" s="46">
        <v>31</v>
      </c>
      <c r="M10" s="48">
        <v>0.23308270676691728</v>
      </c>
      <c r="N10" s="103">
        <v>143</v>
      </c>
      <c r="O10" s="104">
        <v>144</v>
      </c>
      <c r="P10" s="47">
        <v>143.5</v>
      </c>
      <c r="Q10" s="46">
        <v>32</v>
      </c>
      <c r="R10" s="48">
        <v>0.22299651567944251</v>
      </c>
    </row>
    <row r="11" spans="1:18" ht="19.95" customHeight="1" thickBot="1" x14ac:dyDescent="0.25">
      <c r="B11" s="407"/>
      <c r="C11" s="105" t="s">
        <v>7</v>
      </c>
      <c r="D11" s="17">
        <v>1313</v>
      </c>
      <c r="E11" s="43">
        <v>1294</v>
      </c>
      <c r="F11" s="44">
        <v>1303.5</v>
      </c>
      <c r="G11" s="43">
        <v>231</v>
      </c>
      <c r="H11" s="38">
        <v>0.17721518987341772</v>
      </c>
      <c r="I11" s="18">
        <v>734</v>
      </c>
      <c r="J11" s="43">
        <v>715</v>
      </c>
      <c r="K11" s="44">
        <v>724.5</v>
      </c>
      <c r="L11" s="43">
        <v>133</v>
      </c>
      <c r="M11" s="38">
        <v>0.18357487922705315</v>
      </c>
      <c r="N11" s="18">
        <v>579</v>
      </c>
      <c r="O11" s="43">
        <v>579</v>
      </c>
      <c r="P11" s="44">
        <v>579</v>
      </c>
      <c r="Q11" s="43">
        <v>98</v>
      </c>
      <c r="R11" s="38">
        <v>0.1692573402417962</v>
      </c>
    </row>
    <row r="12" spans="1:18" ht="19.95" customHeight="1" thickBot="1" x14ac:dyDescent="0.25">
      <c r="B12" s="407" t="s">
        <v>22</v>
      </c>
      <c r="C12" s="99" t="s">
        <v>24</v>
      </c>
      <c r="D12" s="16">
        <v>57</v>
      </c>
      <c r="E12" s="2">
        <v>53</v>
      </c>
      <c r="F12" s="39">
        <v>55</v>
      </c>
      <c r="G12" s="9">
        <v>10</v>
      </c>
      <c r="H12" s="10">
        <v>0.18181818181818182</v>
      </c>
      <c r="I12" s="4">
        <v>30</v>
      </c>
      <c r="J12" s="2">
        <v>27</v>
      </c>
      <c r="K12" s="39">
        <v>28.5</v>
      </c>
      <c r="L12" s="9">
        <v>6</v>
      </c>
      <c r="M12" s="3">
        <v>0.21052631578947367</v>
      </c>
      <c r="N12" s="4">
        <v>27</v>
      </c>
      <c r="O12" s="2">
        <v>26</v>
      </c>
      <c r="P12" s="39">
        <v>26.5</v>
      </c>
      <c r="Q12" s="9">
        <v>4</v>
      </c>
      <c r="R12" s="3">
        <v>0.15094339622641509</v>
      </c>
    </row>
    <row r="13" spans="1:18" ht="19.95" customHeight="1" thickBot="1" x14ac:dyDescent="0.25">
      <c r="B13" s="407"/>
      <c r="C13" s="100" t="s">
        <v>6</v>
      </c>
      <c r="D13" s="14">
        <v>441</v>
      </c>
      <c r="E13" s="2">
        <v>430</v>
      </c>
      <c r="F13" s="39">
        <v>435.5</v>
      </c>
      <c r="G13" s="2">
        <v>150</v>
      </c>
      <c r="H13" s="3">
        <v>0.34443168771526983</v>
      </c>
      <c r="I13" s="5">
        <v>224</v>
      </c>
      <c r="J13" s="101">
        <v>222</v>
      </c>
      <c r="K13" s="39">
        <v>223</v>
      </c>
      <c r="L13" s="2">
        <v>55</v>
      </c>
      <c r="M13" s="3">
        <v>0.24663677130044842</v>
      </c>
      <c r="N13" s="5">
        <v>217</v>
      </c>
      <c r="O13" s="101">
        <v>208</v>
      </c>
      <c r="P13" s="39">
        <v>212.5</v>
      </c>
      <c r="Q13" s="2">
        <v>95</v>
      </c>
      <c r="R13" s="3">
        <v>0.44705882352941179</v>
      </c>
    </row>
    <row r="14" spans="1:18" ht="19.95" customHeight="1" thickBot="1" x14ac:dyDescent="0.25">
      <c r="B14" s="407"/>
      <c r="C14" s="100" t="s">
        <v>28</v>
      </c>
      <c r="D14" s="14">
        <v>832</v>
      </c>
      <c r="E14" s="2">
        <v>821</v>
      </c>
      <c r="F14" s="39">
        <v>826.5</v>
      </c>
      <c r="G14" s="2">
        <v>272</v>
      </c>
      <c r="H14" s="3">
        <v>0.3290986085904416</v>
      </c>
      <c r="I14" s="5">
        <v>461</v>
      </c>
      <c r="J14" s="101">
        <v>435</v>
      </c>
      <c r="K14" s="39">
        <v>448</v>
      </c>
      <c r="L14" s="2">
        <v>112</v>
      </c>
      <c r="M14" s="3">
        <v>0.25</v>
      </c>
      <c r="N14" s="5">
        <v>371</v>
      </c>
      <c r="O14" s="101">
        <v>386</v>
      </c>
      <c r="P14" s="39">
        <v>378.5</v>
      </c>
      <c r="Q14" s="2">
        <v>160</v>
      </c>
      <c r="R14" s="3">
        <v>0.42272126816380451</v>
      </c>
    </row>
    <row r="15" spans="1:18" ht="19.95" customHeight="1" thickBot="1" x14ac:dyDescent="0.25">
      <c r="B15" s="407"/>
      <c r="C15" s="100" t="s">
        <v>26</v>
      </c>
      <c r="D15" s="14">
        <v>241</v>
      </c>
      <c r="E15" s="2">
        <v>260</v>
      </c>
      <c r="F15" s="39">
        <v>250.5</v>
      </c>
      <c r="G15" s="2">
        <v>58</v>
      </c>
      <c r="H15" s="3">
        <v>0.2315369261477046</v>
      </c>
      <c r="I15" s="5">
        <v>130</v>
      </c>
      <c r="J15" s="101">
        <v>135</v>
      </c>
      <c r="K15" s="39">
        <v>132.5</v>
      </c>
      <c r="L15" s="2">
        <v>32</v>
      </c>
      <c r="M15" s="3">
        <v>0.24150943396226415</v>
      </c>
      <c r="N15" s="5">
        <v>111</v>
      </c>
      <c r="O15" s="101">
        <v>125</v>
      </c>
      <c r="P15" s="39">
        <v>118</v>
      </c>
      <c r="Q15" s="2">
        <v>26</v>
      </c>
      <c r="R15" s="3">
        <v>0.22033898305084745</v>
      </c>
    </row>
    <row r="16" spans="1:18" ht="19.95" customHeight="1" thickBot="1" x14ac:dyDescent="0.25">
      <c r="B16" s="407"/>
      <c r="C16" s="102" t="s">
        <v>27</v>
      </c>
      <c r="D16" s="1">
        <v>39</v>
      </c>
      <c r="E16" s="2">
        <v>38</v>
      </c>
      <c r="F16" s="41">
        <v>38.5</v>
      </c>
      <c r="G16" s="6">
        <v>13</v>
      </c>
      <c r="H16" s="3">
        <v>0.33766233766233766</v>
      </c>
      <c r="I16" s="103">
        <v>27</v>
      </c>
      <c r="J16" s="104">
        <v>25</v>
      </c>
      <c r="K16" s="42">
        <v>26</v>
      </c>
      <c r="L16" s="6">
        <v>5</v>
      </c>
      <c r="M16" s="3">
        <v>0.19230769230769232</v>
      </c>
      <c r="N16" s="103">
        <v>12</v>
      </c>
      <c r="O16" s="104">
        <v>13</v>
      </c>
      <c r="P16" s="42">
        <v>12.5</v>
      </c>
      <c r="Q16" s="6">
        <v>8</v>
      </c>
      <c r="R16" s="3">
        <v>0.64</v>
      </c>
    </row>
    <row r="17" spans="2:18" ht="19.95" customHeight="1" thickTop="1" thickBot="1" x14ac:dyDescent="0.25">
      <c r="B17" s="407"/>
      <c r="C17" s="105" t="s">
        <v>7</v>
      </c>
      <c r="D17" s="15">
        <v>1610</v>
      </c>
      <c r="E17" s="8">
        <v>1602</v>
      </c>
      <c r="F17" s="40">
        <v>1606</v>
      </c>
      <c r="G17" s="8">
        <v>503</v>
      </c>
      <c r="H17" s="78">
        <v>0.31320049813200496</v>
      </c>
      <c r="I17" s="7">
        <v>872</v>
      </c>
      <c r="J17" s="8">
        <v>844</v>
      </c>
      <c r="K17" s="40">
        <v>858</v>
      </c>
      <c r="L17" s="8">
        <v>210</v>
      </c>
      <c r="M17" s="78">
        <v>0.24475524475524477</v>
      </c>
      <c r="N17" s="7">
        <v>738</v>
      </c>
      <c r="O17" s="8">
        <v>758</v>
      </c>
      <c r="P17" s="40">
        <v>748</v>
      </c>
      <c r="Q17" s="8">
        <v>293</v>
      </c>
      <c r="R17" s="78">
        <v>0.39171122994652408</v>
      </c>
    </row>
    <row r="18" spans="2:18" ht="12" customHeight="1" x14ac:dyDescent="0.2">
      <c r="D18" s="11"/>
      <c r="E18" s="11"/>
      <c r="F18" s="11"/>
      <c r="G18" s="11"/>
      <c r="H18" s="12"/>
      <c r="I18" s="11"/>
      <c r="J18" s="11"/>
      <c r="K18" s="11"/>
      <c r="L18" s="11"/>
      <c r="M18" s="12"/>
      <c r="N18" s="11"/>
      <c r="O18" s="11"/>
      <c r="P18" s="11"/>
      <c r="Q18" s="11"/>
      <c r="R18" s="12"/>
    </row>
    <row r="19" spans="2:18" ht="19.95" customHeight="1" thickBot="1" x14ac:dyDescent="0.25">
      <c r="B19" s="92" t="s">
        <v>215</v>
      </c>
      <c r="C19" s="92"/>
    </row>
    <row r="20" spans="2:18" ht="19.95" customHeight="1" thickBot="1" x14ac:dyDescent="0.25">
      <c r="B20" s="412"/>
      <c r="C20" s="410" t="s">
        <v>82</v>
      </c>
      <c r="D20" s="404" t="s">
        <v>5</v>
      </c>
      <c r="E20" s="404"/>
      <c r="F20" s="404"/>
      <c r="G20" s="404"/>
      <c r="H20" s="405"/>
      <c r="I20" s="403" t="s">
        <v>3</v>
      </c>
      <c r="J20" s="404"/>
      <c r="K20" s="404"/>
      <c r="L20" s="404"/>
      <c r="M20" s="405"/>
      <c r="N20" s="403" t="s">
        <v>4</v>
      </c>
      <c r="O20" s="404"/>
      <c r="P20" s="404"/>
      <c r="Q20" s="404"/>
      <c r="R20" s="405"/>
    </row>
    <row r="21" spans="2:18" ht="19.95" customHeight="1" thickBot="1" x14ac:dyDescent="0.25">
      <c r="B21" s="413"/>
      <c r="C21" s="411"/>
      <c r="D21" s="95" t="s">
        <v>170</v>
      </c>
      <c r="E21" s="96" t="s">
        <v>167</v>
      </c>
      <c r="F21" s="96" t="s">
        <v>79</v>
      </c>
      <c r="G21" s="96" t="s">
        <v>80</v>
      </c>
      <c r="H21" s="97" t="s">
        <v>81</v>
      </c>
      <c r="I21" s="98" t="s">
        <v>170</v>
      </c>
      <c r="J21" s="96" t="s">
        <v>167</v>
      </c>
      <c r="K21" s="96" t="s">
        <v>79</v>
      </c>
      <c r="L21" s="96" t="s">
        <v>80</v>
      </c>
      <c r="M21" s="97" t="s">
        <v>81</v>
      </c>
      <c r="N21" s="98" t="s">
        <v>170</v>
      </c>
      <c r="O21" s="96" t="s">
        <v>167</v>
      </c>
      <c r="P21" s="96" t="s">
        <v>79</v>
      </c>
      <c r="Q21" s="96" t="s">
        <v>80</v>
      </c>
      <c r="R21" s="97" t="s">
        <v>81</v>
      </c>
    </row>
    <row r="22" spans="2:18" ht="19.95" customHeight="1" thickTop="1" thickBot="1" x14ac:dyDescent="0.25">
      <c r="B22" s="406" t="s">
        <v>21</v>
      </c>
      <c r="C22" s="107" t="s">
        <v>8</v>
      </c>
      <c r="D22" s="14">
        <v>3</v>
      </c>
      <c r="E22" s="2">
        <v>1</v>
      </c>
      <c r="F22" s="39">
        <v>2</v>
      </c>
      <c r="G22" s="2">
        <v>0</v>
      </c>
      <c r="H22" s="3">
        <v>0</v>
      </c>
      <c r="I22" s="4">
        <v>1</v>
      </c>
      <c r="J22" s="2">
        <v>1</v>
      </c>
      <c r="K22" s="39">
        <v>1</v>
      </c>
      <c r="L22" s="2">
        <v>0</v>
      </c>
      <c r="M22" s="3">
        <v>0</v>
      </c>
      <c r="N22" s="4">
        <v>2</v>
      </c>
      <c r="O22" s="2">
        <v>0</v>
      </c>
      <c r="P22" s="39">
        <v>1</v>
      </c>
      <c r="Q22" s="2">
        <v>0</v>
      </c>
      <c r="R22" s="3">
        <v>0</v>
      </c>
    </row>
    <row r="23" spans="2:18" ht="19.95" customHeight="1" thickBot="1" x14ac:dyDescent="0.25">
      <c r="B23" s="407"/>
      <c r="C23" s="100" t="s">
        <v>9</v>
      </c>
      <c r="D23" s="14">
        <v>0</v>
      </c>
      <c r="E23" s="2">
        <v>1</v>
      </c>
      <c r="F23" s="39">
        <v>0.5</v>
      </c>
      <c r="G23" s="2">
        <v>0</v>
      </c>
      <c r="H23" s="3">
        <v>0</v>
      </c>
      <c r="I23" s="4">
        <v>0</v>
      </c>
      <c r="J23" s="2">
        <v>1</v>
      </c>
      <c r="K23" s="39">
        <v>0.5</v>
      </c>
      <c r="L23" s="2">
        <v>0</v>
      </c>
      <c r="M23" s="3">
        <v>0</v>
      </c>
      <c r="N23" s="4">
        <v>0</v>
      </c>
      <c r="O23" s="2">
        <v>0</v>
      </c>
      <c r="P23" s="39">
        <v>0</v>
      </c>
      <c r="Q23" s="2">
        <v>0</v>
      </c>
      <c r="R23" s="334" t="s">
        <v>231</v>
      </c>
    </row>
    <row r="24" spans="2:18" ht="19.95" customHeight="1" thickBot="1" x14ac:dyDescent="0.25">
      <c r="B24" s="407"/>
      <c r="C24" s="100" t="s">
        <v>10</v>
      </c>
      <c r="D24" s="14">
        <v>1010</v>
      </c>
      <c r="E24" s="2">
        <v>1000</v>
      </c>
      <c r="F24" s="39">
        <v>1005</v>
      </c>
      <c r="G24" s="2">
        <v>181</v>
      </c>
      <c r="H24" s="3">
        <v>0.18009950248756218</v>
      </c>
      <c r="I24" s="4">
        <v>583</v>
      </c>
      <c r="J24" s="2">
        <v>557</v>
      </c>
      <c r="K24" s="39">
        <v>570</v>
      </c>
      <c r="L24" s="2">
        <v>114</v>
      </c>
      <c r="M24" s="3">
        <v>0.2</v>
      </c>
      <c r="N24" s="4">
        <v>427</v>
      </c>
      <c r="O24" s="2">
        <v>443</v>
      </c>
      <c r="P24" s="39">
        <v>435</v>
      </c>
      <c r="Q24" s="2">
        <v>67</v>
      </c>
      <c r="R24" s="3">
        <v>0.15402298850574714</v>
      </c>
    </row>
    <row r="25" spans="2:18" ht="19.95" customHeight="1" thickBot="1" x14ac:dyDescent="0.25">
      <c r="B25" s="407"/>
      <c r="C25" s="102" t="s">
        <v>11</v>
      </c>
      <c r="D25" s="1">
        <v>300</v>
      </c>
      <c r="E25" s="2">
        <v>292</v>
      </c>
      <c r="F25" s="39">
        <v>296</v>
      </c>
      <c r="G25" s="2">
        <v>50</v>
      </c>
      <c r="H25" s="3">
        <v>0.16891891891891891</v>
      </c>
      <c r="I25" s="4">
        <v>150</v>
      </c>
      <c r="J25" s="2">
        <v>156</v>
      </c>
      <c r="K25" s="39">
        <v>153</v>
      </c>
      <c r="L25" s="2">
        <v>19</v>
      </c>
      <c r="M25" s="3">
        <v>0.12418300653594772</v>
      </c>
      <c r="N25" s="4">
        <v>150</v>
      </c>
      <c r="O25" s="2">
        <v>136</v>
      </c>
      <c r="P25" s="39">
        <v>143</v>
      </c>
      <c r="Q25" s="2">
        <v>31</v>
      </c>
      <c r="R25" s="3">
        <v>0.21678321678321677</v>
      </c>
    </row>
    <row r="26" spans="2:18" ht="19.95" customHeight="1" thickTop="1" thickBot="1" x14ac:dyDescent="0.25">
      <c r="B26" s="407"/>
      <c r="C26" s="108" t="s">
        <v>7</v>
      </c>
      <c r="D26" s="15">
        <v>1313</v>
      </c>
      <c r="E26" s="8">
        <v>1294</v>
      </c>
      <c r="F26" s="40">
        <v>1303.5</v>
      </c>
      <c r="G26" s="8">
        <v>231</v>
      </c>
      <c r="H26" s="78">
        <v>0.17721518987341772</v>
      </c>
      <c r="I26" s="7">
        <v>734</v>
      </c>
      <c r="J26" s="8">
        <v>715</v>
      </c>
      <c r="K26" s="40">
        <v>724.5</v>
      </c>
      <c r="L26" s="8">
        <v>133</v>
      </c>
      <c r="M26" s="78">
        <v>0.18357487922705315</v>
      </c>
      <c r="N26" s="7">
        <v>579</v>
      </c>
      <c r="O26" s="8">
        <v>579</v>
      </c>
      <c r="P26" s="40">
        <v>579</v>
      </c>
      <c r="Q26" s="8">
        <v>98</v>
      </c>
      <c r="R26" s="78">
        <v>0.1692573402417962</v>
      </c>
    </row>
    <row r="27" spans="2:18" ht="19.95" customHeight="1" thickBot="1" x14ac:dyDescent="0.25">
      <c r="B27" s="407" t="s">
        <v>22</v>
      </c>
      <c r="C27" s="109" t="s">
        <v>8</v>
      </c>
      <c r="D27" s="14">
        <v>4</v>
      </c>
      <c r="E27" s="2">
        <v>2</v>
      </c>
      <c r="F27" s="39">
        <v>3</v>
      </c>
      <c r="G27" s="2">
        <v>1</v>
      </c>
      <c r="H27" s="3">
        <v>0.33333333333333331</v>
      </c>
      <c r="I27" s="4">
        <v>1</v>
      </c>
      <c r="J27" s="2">
        <v>0</v>
      </c>
      <c r="K27" s="39">
        <v>0.5</v>
      </c>
      <c r="L27" s="2">
        <v>0</v>
      </c>
      <c r="M27" s="3">
        <v>0</v>
      </c>
      <c r="N27" s="4">
        <v>3</v>
      </c>
      <c r="O27" s="2">
        <v>2</v>
      </c>
      <c r="P27" s="39">
        <v>2.5</v>
      </c>
      <c r="Q27" s="2">
        <v>1</v>
      </c>
      <c r="R27" s="3">
        <v>0.4</v>
      </c>
    </row>
    <row r="28" spans="2:18" ht="19.95" customHeight="1" thickBot="1" x14ac:dyDescent="0.25">
      <c r="B28" s="407"/>
      <c r="C28" s="100" t="s">
        <v>9</v>
      </c>
      <c r="D28" s="14">
        <v>2</v>
      </c>
      <c r="E28" s="2">
        <v>1</v>
      </c>
      <c r="F28" s="39">
        <v>1.5</v>
      </c>
      <c r="G28" s="2">
        <v>0</v>
      </c>
      <c r="H28" s="3">
        <v>0</v>
      </c>
      <c r="I28" s="4">
        <v>1</v>
      </c>
      <c r="J28" s="2">
        <v>1</v>
      </c>
      <c r="K28" s="39">
        <v>1</v>
      </c>
      <c r="L28" s="2">
        <v>0</v>
      </c>
      <c r="M28" s="3">
        <v>0</v>
      </c>
      <c r="N28" s="4">
        <v>1</v>
      </c>
      <c r="O28" s="2">
        <v>0</v>
      </c>
      <c r="P28" s="39">
        <v>0.5</v>
      </c>
      <c r="Q28" s="2">
        <v>0</v>
      </c>
      <c r="R28" s="3">
        <v>0</v>
      </c>
    </row>
    <row r="29" spans="2:18" ht="19.95" customHeight="1" thickBot="1" x14ac:dyDescent="0.25">
      <c r="B29" s="407"/>
      <c r="C29" s="100" t="s">
        <v>10</v>
      </c>
      <c r="D29" s="14">
        <v>1216</v>
      </c>
      <c r="E29" s="2">
        <v>1222</v>
      </c>
      <c r="F29" s="39">
        <v>1219</v>
      </c>
      <c r="G29" s="2">
        <v>412</v>
      </c>
      <c r="H29" s="3">
        <v>0.33798195242001638</v>
      </c>
      <c r="I29" s="4">
        <v>661</v>
      </c>
      <c r="J29" s="2">
        <v>649</v>
      </c>
      <c r="K29" s="39">
        <v>655</v>
      </c>
      <c r="L29" s="2">
        <v>168</v>
      </c>
      <c r="M29" s="3">
        <v>0.25648854961832063</v>
      </c>
      <c r="N29" s="4">
        <v>555</v>
      </c>
      <c r="O29" s="2">
        <v>573</v>
      </c>
      <c r="P29" s="39">
        <v>564</v>
      </c>
      <c r="Q29" s="2">
        <v>244</v>
      </c>
      <c r="R29" s="3">
        <v>0.43262411347517732</v>
      </c>
    </row>
    <row r="30" spans="2:18" ht="19.95" customHeight="1" thickBot="1" x14ac:dyDescent="0.25">
      <c r="B30" s="407"/>
      <c r="C30" s="102" t="s">
        <v>11</v>
      </c>
      <c r="D30" s="1">
        <v>388</v>
      </c>
      <c r="E30" s="2">
        <v>377</v>
      </c>
      <c r="F30" s="39">
        <v>382.5</v>
      </c>
      <c r="G30" s="2">
        <v>90</v>
      </c>
      <c r="H30" s="3">
        <v>0.23529411764705882</v>
      </c>
      <c r="I30" s="4">
        <v>209</v>
      </c>
      <c r="J30" s="2">
        <v>194</v>
      </c>
      <c r="K30" s="39">
        <v>201.5</v>
      </c>
      <c r="L30" s="2">
        <v>42</v>
      </c>
      <c r="M30" s="3">
        <v>0.20843672456575682</v>
      </c>
      <c r="N30" s="4">
        <v>179</v>
      </c>
      <c r="O30" s="2">
        <v>183</v>
      </c>
      <c r="P30" s="39">
        <v>181</v>
      </c>
      <c r="Q30" s="2">
        <v>48</v>
      </c>
      <c r="R30" s="3">
        <v>0.26519337016574585</v>
      </c>
    </row>
    <row r="31" spans="2:18" ht="19.95" customHeight="1" thickTop="1" thickBot="1" x14ac:dyDescent="0.25">
      <c r="B31" s="407"/>
      <c r="C31" s="108" t="s">
        <v>7</v>
      </c>
      <c r="D31" s="15">
        <v>1610</v>
      </c>
      <c r="E31" s="8">
        <v>1602</v>
      </c>
      <c r="F31" s="40">
        <v>1606</v>
      </c>
      <c r="G31" s="8">
        <v>503</v>
      </c>
      <c r="H31" s="78">
        <v>0.31320049813200496</v>
      </c>
      <c r="I31" s="7">
        <v>872</v>
      </c>
      <c r="J31" s="8">
        <v>844</v>
      </c>
      <c r="K31" s="40">
        <v>858</v>
      </c>
      <c r="L31" s="8">
        <v>210</v>
      </c>
      <c r="M31" s="78">
        <v>0.24475524475524477</v>
      </c>
      <c r="N31" s="7">
        <v>738</v>
      </c>
      <c r="O31" s="8">
        <v>758</v>
      </c>
      <c r="P31" s="40">
        <v>748</v>
      </c>
      <c r="Q31" s="8">
        <v>293</v>
      </c>
      <c r="R31" s="78">
        <v>0.39171122994652408</v>
      </c>
    </row>
    <row r="32" spans="2:18" ht="19.8" customHeight="1" x14ac:dyDescent="0.2">
      <c r="D32" s="11"/>
      <c r="E32" s="11"/>
      <c r="F32" s="11"/>
      <c r="G32" s="11"/>
      <c r="H32" s="12"/>
      <c r="I32" s="11"/>
      <c r="J32" s="11"/>
      <c r="K32" s="11"/>
      <c r="L32" s="11"/>
      <c r="M32" s="12"/>
      <c r="N32" s="11"/>
      <c r="O32" s="11"/>
      <c r="P32" s="11"/>
      <c r="Q32" s="11"/>
      <c r="R32" s="12"/>
    </row>
    <row r="33" spans="2:18" ht="19.95" customHeight="1" thickBot="1" x14ac:dyDescent="0.25">
      <c r="B33" s="92" t="s">
        <v>216</v>
      </c>
      <c r="C33" s="92"/>
    </row>
    <row r="34" spans="2:18" ht="19.95" customHeight="1" thickBot="1" x14ac:dyDescent="0.25">
      <c r="B34" s="407"/>
      <c r="C34" s="414" t="s">
        <v>1</v>
      </c>
      <c r="D34" s="403" t="s">
        <v>5</v>
      </c>
      <c r="E34" s="404"/>
      <c r="F34" s="404"/>
      <c r="G34" s="404"/>
      <c r="H34" s="405"/>
      <c r="I34" s="403" t="s">
        <v>3</v>
      </c>
      <c r="J34" s="404"/>
      <c r="K34" s="404"/>
      <c r="L34" s="404"/>
      <c r="M34" s="405"/>
      <c r="N34" s="403" t="s">
        <v>4</v>
      </c>
      <c r="O34" s="404"/>
      <c r="P34" s="404"/>
      <c r="Q34" s="404"/>
      <c r="R34" s="405"/>
    </row>
    <row r="35" spans="2:18" s="197" customFormat="1" ht="19.95" customHeight="1" thickBot="1" x14ac:dyDescent="0.25">
      <c r="B35" s="416"/>
      <c r="C35" s="415"/>
      <c r="D35" s="98" t="s">
        <v>170</v>
      </c>
      <c r="E35" s="96" t="s">
        <v>167</v>
      </c>
      <c r="F35" s="96" t="s">
        <v>79</v>
      </c>
      <c r="G35" s="96" t="s">
        <v>80</v>
      </c>
      <c r="H35" s="97" t="s">
        <v>81</v>
      </c>
      <c r="I35" s="98" t="s">
        <v>170</v>
      </c>
      <c r="J35" s="96" t="s">
        <v>167</v>
      </c>
      <c r="K35" s="96" t="s">
        <v>79</v>
      </c>
      <c r="L35" s="96" t="s">
        <v>80</v>
      </c>
      <c r="M35" s="97" t="s">
        <v>81</v>
      </c>
      <c r="N35" s="98" t="s">
        <v>170</v>
      </c>
      <c r="O35" s="96" t="s">
        <v>167</v>
      </c>
      <c r="P35" s="96" t="s">
        <v>79</v>
      </c>
      <c r="Q35" s="96" t="s">
        <v>80</v>
      </c>
      <c r="R35" s="97" t="s">
        <v>81</v>
      </c>
    </row>
    <row r="36" spans="2:18" ht="19.95" customHeight="1" thickTop="1" thickBot="1" x14ac:dyDescent="0.25">
      <c r="B36" s="406" t="s">
        <v>21</v>
      </c>
      <c r="C36" s="110" t="s">
        <v>12</v>
      </c>
      <c r="D36" s="4">
        <v>604</v>
      </c>
      <c r="E36" s="2">
        <v>593</v>
      </c>
      <c r="F36" s="39">
        <v>598.5</v>
      </c>
      <c r="G36" s="2">
        <v>122</v>
      </c>
      <c r="H36" s="3">
        <v>0.20384294068504594</v>
      </c>
      <c r="I36" s="4">
        <v>344</v>
      </c>
      <c r="J36" s="2">
        <v>331</v>
      </c>
      <c r="K36" s="39">
        <v>337.5</v>
      </c>
      <c r="L36" s="2">
        <v>79</v>
      </c>
      <c r="M36" s="3">
        <v>0.23407407407407407</v>
      </c>
      <c r="N36" s="4">
        <v>260</v>
      </c>
      <c r="O36" s="2">
        <v>262</v>
      </c>
      <c r="P36" s="39">
        <v>261</v>
      </c>
      <c r="Q36" s="2">
        <v>43</v>
      </c>
      <c r="R36" s="3">
        <v>0.16475095785440613</v>
      </c>
    </row>
    <row r="37" spans="2:18" ht="19.95" customHeight="1" thickBot="1" x14ac:dyDescent="0.25">
      <c r="B37" s="407"/>
      <c r="C37" s="111" t="s">
        <v>13</v>
      </c>
      <c r="D37" s="5">
        <v>156</v>
      </c>
      <c r="E37" s="2">
        <v>161</v>
      </c>
      <c r="F37" s="39">
        <v>158.5</v>
      </c>
      <c r="G37" s="2">
        <v>29</v>
      </c>
      <c r="H37" s="3">
        <v>0.18296529968454259</v>
      </c>
      <c r="I37" s="5">
        <v>86</v>
      </c>
      <c r="J37" s="101">
        <v>89</v>
      </c>
      <c r="K37" s="39">
        <v>87.5</v>
      </c>
      <c r="L37" s="2">
        <v>14</v>
      </c>
      <c r="M37" s="3">
        <v>0.16</v>
      </c>
      <c r="N37" s="5">
        <v>70</v>
      </c>
      <c r="O37" s="101">
        <v>72</v>
      </c>
      <c r="P37" s="39">
        <v>71</v>
      </c>
      <c r="Q37" s="2">
        <v>15</v>
      </c>
      <c r="R37" s="3">
        <v>0.21126760563380281</v>
      </c>
    </row>
    <row r="38" spans="2:18" ht="19.95" customHeight="1" thickBot="1" x14ac:dyDescent="0.25">
      <c r="B38" s="407"/>
      <c r="C38" s="111" t="s">
        <v>14</v>
      </c>
      <c r="D38" s="5">
        <v>86</v>
      </c>
      <c r="E38" s="2">
        <v>104</v>
      </c>
      <c r="F38" s="39">
        <v>95</v>
      </c>
      <c r="G38" s="2">
        <v>11</v>
      </c>
      <c r="H38" s="3">
        <v>0.11578947368421053</v>
      </c>
      <c r="I38" s="5">
        <v>53</v>
      </c>
      <c r="J38" s="101">
        <v>64</v>
      </c>
      <c r="K38" s="39">
        <v>58.5</v>
      </c>
      <c r="L38" s="2">
        <v>7</v>
      </c>
      <c r="M38" s="3">
        <v>0.11965811965811966</v>
      </c>
      <c r="N38" s="5">
        <v>33</v>
      </c>
      <c r="O38" s="101">
        <v>40</v>
      </c>
      <c r="P38" s="39">
        <v>36.5</v>
      </c>
      <c r="Q38" s="2">
        <v>4</v>
      </c>
      <c r="R38" s="3">
        <v>0.1095890410958904</v>
      </c>
    </row>
    <row r="39" spans="2:18" ht="19.95" customHeight="1" thickBot="1" x14ac:dyDescent="0.25">
      <c r="B39" s="407"/>
      <c r="C39" s="111" t="s">
        <v>15</v>
      </c>
      <c r="D39" s="5">
        <v>104</v>
      </c>
      <c r="E39" s="2">
        <v>108</v>
      </c>
      <c r="F39" s="39">
        <v>106</v>
      </c>
      <c r="G39" s="2">
        <v>22</v>
      </c>
      <c r="H39" s="3">
        <v>0.20754716981132076</v>
      </c>
      <c r="I39" s="5">
        <v>48</v>
      </c>
      <c r="J39" s="101">
        <v>46</v>
      </c>
      <c r="K39" s="39">
        <v>47</v>
      </c>
      <c r="L39" s="2">
        <v>9</v>
      </c>
      <c r="M39" s="3">
        <v>0.19148936170212766</v>
      </c>
      <c r="N39" s="5">
        <v>56</v>
      </c>
      <c r="O39" s="101">
        <v>62</v>
      </c>
      <c r="P39" s="39">
        <v>59</v>
      </c>
      <c r="Q39" s="2">
        <v>13</v>
      </c>
      <c r="R39" s="3">
        <v>0.22033898305084745</v>
      </c>
    </row>
    <row r="40" spans="2:18" ht="19.95" customHeight="1" thickBot="1" x14ac:dyDescent="0.25">
      <c r="B40" s="407"/>
      <c r="C40" s="111" t="s">
        <v>16</v>
      </c>
      <c r="D40" s="5">
        <v>77</v>
      </c>
      <c r="E40" s="2">
        <v>80</v>
      </c>
      <c r="F40" s="39">
        <v>78.5</v>
      </c>
      <c r="G40" s="2">
        <v>8</v>
      </c>
      <c r="H40" s="3">
        <v>0.10191082802547771</v>
      </c>
      <c r="I40" s="5">
        <v>46</v>
      </c>
      <c r="J40" s="101">
        <v>47</v>
      </c>
      <c r="K40" s="39">
        <v>46.5</v>
      </c>
      <c r="L40" s="2">
        <v>5</v>
      </c>
      <c r="M40" s="3">
        <v>0.10752688172043011</v>
      </c>
      <c r="N40" s="5">
        <v>31</v>
      </c>
      <c r="O40" s="101">
        <v>33</v>
      </c>
      <c r="P40" s="39">
        <v>32</v>
      </c>
      <c r="Q40" s="2">
        <v>3</v>
      </c>
      <c r="R40" s="3">
        <v>9.375E-2</v>
      </c>
    </row>
    <row r="41" spans="2:18" ht="19.95" customHeight="1" thickBot="1" x14ac:dyDescent="0.25">
      <c r="B41" s="407"/>
      <c r="C41" s="111" t="s">
        <v>17</v>
      </c>
      <c r="D41" s="5">
        <v>121</v>
      </c>
      <c r="E41" s="2">
        <v>122</v>
      </c>
      <c r="F41" s="39">
        <v>121.5</v>
      </c>
      <c r="G41" s="2">
        <v>19</v>
      </c>
      <c r="H41" s="3">
        <v>0.15637860082304528</v>
      </c>
      <c r="I41" s="5">
        <v>65</v>
      </c>
      <c r="J41" s="101">
        <v>66</v>
      </c>
      <c r="K41" s="39">
        <v>65.5</v>
      </c>
      <c r="L41" s="2">
        <v>9</v>
      </c>
      <c r="M41" s="3">
        <v>0.13740458015267176</v>
      </c>
      <c r="N41" s="5">
        <v>56</v>
      </c>
      <c r="O41" s="101">
        <v>56</v>
      </c>
      <c r="P41" s="39">
        <v>56</v>
      </c>
      <c r="Q41" s="2">
        <v>10</v>
      </c>
      <c r="R41" s="3">
        <v>0.17857142857142858</v>
      </c>
    </row>
    <row r="42" spans="2:18" ht="19.95" customHeight="1" thickBot="1" x14ac:dyDescent="0.25">
      <c r="B42" s="407"/>
      <c r="C42" s="111" t="s">
        <v>18</v>
      </c>
      <c r="D42" s="5">
        <v>110</v>
      </c>
      <c r="E42" s="2">
        <v>77</v>
      </c>
      <c r="F42" s="39">
        <v>93.5</v>
      </c>
      <c r="G42" s="2">
        <v>16</v>
      </c>
      <c r="H42" s="3">
        <v>0.17112299465240641</v>
      </c>
      <c r="I42" s="5">
        <v>56</v>
      </c>
      <c r="J42" s="101">
        <v>42</v>
      </c>
      <c r="K42" s="39">
        <v>49</v>
      </c>
      <c r="L42" s="2">
        <v>9</v>
      </c>
      <c r="M42" s="3">
        <v>0.18367346938775511</v>
      </c>
      <c r="N42" s="5">
        <v>54</v>
      </c>
      <c r="O42" s="101">
        <v>35</v>
      </c>
      <c r="P42" s="39">
        <v>44.5</v>
      </c>
      <c r="Q42" s="2">
        <v>7</v>
      </c>
      <c r="R42" s="3">
        <v>0.15730337078651685</v>
      </c>
    </row>
    <row r="43" spans="2:18" ht="19.95" customHeight="1" thickBot="1" x14ac:dyDescent="0.25">
      <c r="B43" s="407"/>
      <c r="C43" s="112" t="s">
        <v>19</v>
      </c>
      <c r="D43" s="5">
        <v>55</v>
      </c>
      <c r="E43" s="2">
        <v>49</v>
      </c>
      <c r="F43" s="39">
        <v>52</v>
      </c>
      <c r="G43" s="2">
        <v>4</v>
      </c>
      <c r="H43" s="13">
        <v>7.6923076923076927E-2</v>
      </c>
      <c r="I43" s="103">
        <v>36</v>
      </c>
      <c r="J43" s="104">
        <v>30</v>
      </c>
      <c r="K43" s="41">
        <v>33</v>
      </c>
      <c r="L43" s="2">
        <v>1</v>
      </c>
      <c r="M43" s="13">
        <v>3.0303030303030304E-2</v>
      </c>
      <c r="N43" s="103">
        <v>19</v>
      </c>
      <c r="O43" s="104">
        <v>19</v>
      </c>
      <c r="P43" s="41">
        <v>19</v>
      </c>
      <c r="Q43" s="2">
        <v>3</v>
      </c>
      <c r="R43" s="13">
        <v>0.15789473684210525</v>
      </c>
    </row>
    <row r="44" spans="2:18" ht="19.95" customHeight="1" thickTop="1" thickBot="1" x14ac:dyDescent="0.25">
      <c r="B44" s="407"/>
      <c r="C44" s="113" t="s">
        <v>20</v>
      </c>
      <c r="D44" s="7">
        <v>1313</v>
      </c>
      <c r="E44" s="8">
        <v>1294</v>
      </c>
      <c r="F44" s="40">
        <v>1303.5</v>
      </c>
      <c r="G44" s="8">
        <v>231</v>
      </c>
      <c r="H44" s="78">
        <v>0.17721518987341772</v>
      </c>
      <c r="I44" s="7">
        <v>734</v>
      </c>
      <c r="J44" s="8">
        <v>715</v>
      </c>
      <c r="K44" s="40">
        <v>724.5</v>
      </c>
      <c r="L44" s="8">
        <v>133</v>
      </c>
      <c r="M44" s="78">
        <v>0.18357487922705315</v>
      </c>
      <c r="N44" s="7">
        <v>579</v>
      </c>
      <c r="O44" s="8">
        <v>579</v>
      </c>
      <c r="P44" s="40">
        <v>579</v>
      </c>
      <c r="Q44" s="8">
        <v>98</v>
      </c>
      <c r="R44" s="78">
        <v>0.1692573402417962</v>
      </c>
    </row>
    <row r="45" spans="2:18" ht="19.95" customHeight="1" thickBot="1" x14ac:dyDescent="0.25">
      <c r="B45" s="407" t="s">
        <v>22</v>
      </c>
      <c r="C45" s="110" t="s">
        <v>12</v>
      </c>
      <c r="D45" s="4">
        <v>656</v>
      </c>
      <c r="E45" s="2">
        <v>696</v>
      </c>
      <c r="F45" s="39">
        <v>676</v>
      </c>
      <c r="G45" s="2">
        <v>194</v>
      </c>
      <c r="H45" s="3">
        <v>0.28698224852071008</v>
      </c>
      <c r="I45" s="4">
        <v>382</v>
      </c>
      <c r="J45" s="2">
        <v>377</v>
      </c>
      <c r="K45" s="39">
        <v>379.5</v>
      </c>
      <c r="L45" s="2">
        <v>79</v>
      </c>
      <c r="M45" s="3">
        <v>0.20816864295125165</v>
      </c>
      <c r="N45" s="4">
        <v>274</v>
      </c>
      <c r="O45" s="2">
        <v>319</v>
      </c>
      <c r="P45" s="39">
        <v>296.5</v>
      </c>
      <c r="Q45" s="2">
        <v>115</v>
      </c>
      <c r="R45" s="3">
        <v>0.38785834738617203</v>
      </c>
    </row>
    <row r="46" spans="2:18" ht="19.95" customHeight="1" thickBot="1" x14ac:dyDescent="0.25">
      <c r="B46" s="407"/>
      <c r="C46" s="111" t="s">
        <v>13</v>
      </c>
      <c r="D46" s="5">
        <v>198</v>
      </c>
      <c r="E46" s="2">
        <v>206</v>
      </c>
      <c r="F46" s="39">
        <v>202</v>
      </c>
      <c r="G46" s="2">
        <v>83</v>
      </c>
      <c r="H46" s="3">
        <v>0.41089108910891087</v>
      </c>
      <c r="I46" s="5">
        <v>106</v>
      </c>
      <c r="J46" s="101">
        <v>114</v>
      </c>
      <c r="K46" s="39">
        <v>110</v>
      </c>
      <c r="L46" s="2">
        <v>36</v>
      </c>
      <c r="M46" s="3">
        <v>0.32727272727272727</v>
      </c>
      <c r="N46" s="5">
        <v>92</v>
      </c>
      <c r="O46" s="101">
        <v>92</v>
      </c>
      <c r="P46" s="39">
        <v>92</v>
      </c>
      <c r="Q46" s="2">
        <v>47</v>
      </c>
      <c r="R46" s="3">
        <v>0.51086956521739135</v>
      </c>
    </row>
    <row r="47" spans="2:18" ht="19.95" customHeight="1" thickBot="1" x14ac:dyDescent="0.25">
      <c r="B47" s="407"/>
      <c r="C47" s="111" t="s">
        <v>14</v>
      </c>
      <c r="D47" s="5">
        <v>125</v>
      </c>
      <c r="E47" s="2">
        <v>126</v>
      </c>
      <c r="F47" s="39">
        <v>125.5</v>
      </c>
      <c r="G47" s="2">
        <v>66</v>
      </c>
      <c r="H47" s="3">
        <v>0.52589641434262946</v>
      </c>
      <c r="I47" s="5">
        <v>59</v>
      </c>
      <c r="J47" s="101">
        <v>58</v>
      </c>
      <c r="K47" s="39">
        <v>58.5</v>
      </c>
      <c r="L47" s="2">
        <v>19</v>
      </c>
      <c r="M47" s="3">
        <v>0.3247863247863248</v>
      </c>
      <c r="N47" s="5">
        <v>66</v>
      </c>
      <c r="O47" s="101">
        <v>68</v>
      </c>
      <c r="P47" s="39">
        <v>67</v>
      </c>
      <c r="Q47" s="2">
        <v>47</v>
      </c>
      <c r="R47" s="3">
        <v>0.70149253731343286</v>
      </c>
    </row>
    <row r="48" spans="2:18" ht="19.95" customHeight="1" thickBot="1" x14ac:dyDescent="0.25">
      <c r="B48" s="407"/>
      <c r="C48" s="111" t="s">
        <v>15</v>
      </c>
      <c r="D48" s="5">
        <v>176</v>
      </c>
      <c r="E48" s="2">
        <v>163</v>
      </c>
      <c r="F48" s="39">
        <v>169.5</v>
      </c>
      <c r="G48" s="2">
        <v>45</v>
      </c>
      <c r="H48" s="3">
        <v>0.26548672566371684</v>
      </c>
      <c r="I48" s="5">
        <v>83</v>
      </c>
      <c r="J48" s="101">
        <v>75</v>
      </c>
      <c r="K48" s="39">
        <v>79</v>
      </c>
      <c r="L48" s="2">
        <v>17</v>
      </c>
      <c r="M48" s="3">
        <v>0.21518987341772153</v>
      </c>
      <c r="N48" s="5">
        <v>93</v>
      </c>
      <c r="O48" s="101">
        <v>88</v>
      </c>
      <c r="P48" s="39">
        <v>90.5</v>
      </c>
      <c r="Q48" s="2">
        <v>28</v>
      </c>
      <c r="R48" s="3">
        <v>0.30939226519337015</v>
      </c>
    </row>
    <row r="49" spans="2:19" ht="19.95" customHeight="1" thickBot="1" x14ac:dyDescent="0.25">
      <c r="B49" s="407"/>
      <c r="C49" s="111" t="s">
        <v>16</v>
      </c>
      <c r="D49" s="5">
        <v>120</v>
      </c>
      <c r="E49" s="2">
        <v>97</v>
      </c>
      <c r="F49" s="39">
        <v>108.5</v>
      </c>
      <c r="G49" s="2">
        <v>23</v>
      </c>
      <c r="H49" s="3">
        <v>0.2119815668202765</v>
      </c>
      <c r="I49" s="5">
        <v>61</v>
      </c>
      <c r="J49" s="101">
        <v>46</v>
      </c>
      <c r="K49" s="39">
        <v>53.5</v>
      </c>
      <c r="L49" s="2">
        <v>8</v>
      </c>
      <c r="M49" s="3">
        <v>0.14953271028037382</v>
      </c>
      <c r="N49" s="5">
        <v>59</v>
      </c>
      <c r="O49" s="101">
        <v>51</v>
      </c>
      <c r="P49" s="39">
        <v>55</v>
      </c>
      <c r="Q49" s="2">
        <v>15</v>
      </c>
      <c r="R49" s="3">
        <v>0.27272727272727271</v>
      </c>
    </row>
    <row r="50" spans="2:19" ht="19.95" customHeight="1" thickBot="1" x14ac:dyDescent="0.25">
      <c r="B50" s="407"/>
      <c r="C50" s="111" t="s">
        <v>17</v>
      </c>
      <c r="D50" s="5">
        <v>105</v>
      </c>
      <c r="E50" s="2">
        <v>101</v>
      </c>
      <c r="F50" s="39">
        <v>103</v>
      </c>
      <c r="G50" s="2">
        <v>23</v>
      </c>
      <c r="H50" s="3">
        <v>0.22330097087378642</v>
      </c>
      <c r="I50" s="5">
        <v>50</v>
      </c>
      <c r="J50" s="101">
        <v>49</v>
      </c>
      <c r="K50" s="39">
        <v>49.5</v>
      </c>
      <c r="L50" s="2">
        <v>14</v>
      </c>
      <c r="M50" s="3">
        <v>0.28282828282828282</v>
      </c>
      <c r="N50" s="5">
        <v>55</v>
      </c>
      <c r="O50" s="101">
        <v>52</v>
      </c>
      <c r="P50" s="39">
        <v>53.5</v>
      </c>
      <c r="Q50" s="2">
        <v>9</v>
      </c>
      <c r="R50" s="3">
        <v>0.16822429906542055</v>
      </c>
    </row>
    <row r="51" spans="2:19" ht="19.95" customHeight="1" thickBot="1" x14ac:dyDescent="0.25">
      <c r="B51" s="407"/>
      <c r="C51" s="111" t="s">
        <v>18</v>
      </c>
      <c r="D51" s="5">
        <v>164</v>
      </c>
      <c r="E51" s="2">
        <v>155</v>
      </c>
      <c r="F51" s="39">
        <v>159.5</v>
      </c>
      <c r="G51" s="2">
        <v>60</v>
      </c>
      <c r="H51" s="3">
        <v>0.37617554858934171</v>
      </c>
      <c r="I51" s="5">
        <v>93</v>
      </c>
      <c r="J51" s="101">
        <v>89</v>
      </c>
      <c r="K51" s="39">
        <v>91</v>
      </c>
      <c r="L51" s="2">
        <v>32</v>
      </c>
      <c r="M51" s="3">
        <v>0.35164835164835168</v>
      </c>
      <c r="N51" s="5">
        <v>71</v>
      </c>
      <c r="O51" s="101">
        <v>66</v>
      </c>
      <c r="P51" s="39">
        <v>68.5</v>
      </c>
      <c r="Q51" s="2">
        <v>28</v>
      </c>
      <c r="R51" s="3">
        <v>0.40875912408759124</v>
      </c>
    </row>
    <row r="52" spans="2:19" ht="19.95" customHeight="1" thickBot="1" x14ac:dyDescent="0.25">
      <c r="B52" s="407"/>
      <c r="C52" s="112" t="s">
        <v>19</v>
      </c>
      <c r="D52" s="5">
        <v>66</v>
      </c>
      <c r="E52" s="2">
        <v>58</v>
      </c>
      <c r="F52" s="39">
        <v>62</v>
      </c>
      <c r="G52" s="2">
        <v>9</v>
      </c>
      <c r="H52" s="13">
        <v>0.14516129032258066</v>
      </c>
      <c r="I52" s="103">
        <v>38</v>
      </c>
      <c r="J52" s="104">
        <v>36</v>
      </c>
      <c r="K52" s="41">
        <v>37</v>
      </c>
      <c r="L52" s="2">
        <v>5</v>
      </c>
      <c r="M52" s="13">
        <v>0.13513513513513514</v>
      </c>
      <c r="N52" s="103">
        <v>28</v>
      </c>
      <c r="O52" s="104">
        <v>22</v>
      </c>
      <c r="P52" s="41">
        <v>25</v>
      </c>
      <c r="Q52" s="2">
        <v>4</v>
      </c>
      <c r="R52" s="13">
        <v>0.16</v>
      </c>
    </row>
    <row r="53" spans="2:19" ht="19.95" customHeight="1" thickTop="1" thickBot="1" x14ac:dyDescent="0.25">
      <c r="B53" s="407"/>
      <c r="C53" s="113" t="s">
        <v>20</v>
      </c>
      <c r="D53" s="7">
        <v>1610</v>
      </c>
      <c r="E53" s="8">
        <v>1602</v>
      </c>
      <c r="F53" s="40">
        <v>1606</v>
      </c>
      <c r="G53" s="8">
        <v>503</v>
      </c>
      <c r="H53" s="78">
        <v>0.31320049813200496</v>
      </c>
      <c r="I53" s="7">
        <v>872</v>
      </c>
      <c r="J53" s="8">
        <v>844</v>
      </c>
      <c r="K53" s="40">
        <v>858</v>
      </c>
      <c r="L53" s="8">
        <v>210</v>
      </c>
      <c r="M53" s="78">
        <v>0.24475524475524477</v>
      </c>
      <c r="N53" s="7">
        <v>738</v>
      </c>
      <c r="O53" s="8">
        <v>758</v>
      </c>
      <c r="P53" s="40">
        <v>748</v>
      </c>
      <c r="Q53" s="8">
        <v>293</v>
      </c>
      <c r="R53" s="78">
        <v>0.39171122994652408</v>
      </c>
    </row>
    <row r="54" spans="2:19" ht="19.95" customHeight="1" x14ac:dyDescent="0.2">
      <c r="B54" s="371"/>
      <c r="C54" s="371"/>
      <c r="D54" s="11"/>
      <c r="E54" s="11"/>
      <c r="F54" s="372"/>
      <c r="G54" s="11"/>
      <c r="H54" s="373"/>
      <c r="I54" s="11"/>
      <c r="J54" s="11"/>
      <c r="K54" s="372"/>
      <c r="L54" s="11"/>
      <c r="M54" s="373"/>
      <c r="N54" s="11"/>
      <c r="O54" s="11"/>
      <c r="P54" s="372"/>
      <c r="Q54" s="11"/>
      <c r="R54" s="373"/>
    </row>
    <row r="55" spans="2:19" ht="19.95" customHeight="1" x14ac:dyDescent="0.2">
      <c r="C55" s="88"/>
    </row>
    <row r="56" spans="2:19" s="80" customFormat="1" ht="19.95" customHeight="1" x14ac:dyDescent="0.2">
      <c r="B56" s="79" t="s">
        <v>177</v>
      </c>
      <c r="C56" s="84"/>
      <c r="E56" s="114"/>
    </row>
    <row r="57" spans="2:19" s="80" customFormat="1" ht="19.95" customHeight="1" thickBot="1" x14ac:dyDescent="0.25">
      <c r="B57" s="79"/>
      <c r="C57" s="84"/>
      <c r="E57" s="79"/>
    </row>
    <row r="58" spans="2:19" ht="28.2" customHeight="1" thickBot="1" x14ac:dyDescent="0.25">
      <c r="B58" s="115"/>
      <c r="C58" s="116" t="s">
        <v>23</v>
      </c>
      <c r="D58" s="117" t="s">
        <v>86</v>
      </c>
      <c r="E58" s="333" t="s">
        <v>88</v>
      </c>
      <c r="F58" s="116" t="s">
        <v>89</v>
      </c>
      <c r="G58" s="85" t="s">
        <v>251</v>
      </c>
      <c r="H58" s="118" t="s">
        <v>164</v>
      </c>
      <c r="I58" s="118" t="s">
        <v>246</v>
      </c>
      <c r="J58" s="118" t="s">
        <v>249</v>
      </c>
      <c r="K58" s="85" t="s">
        <v>232</v>
      </c>
      <c r="L58" s="116" t="s">
        <v>90</v>
      </c>
      <c r="M58" s="116" t="s">
        <v>91</v>
      </c>
      <c r="N58" s="118" t="s">
        <v>172</v>
      </c>
      <c r="O58" s="85" t="s">
        <v>247</v>
      </c>
      <c r="P58" s="118" t="s">
        <v>92</v>
      </c>
      <c r="Q58" s="335" t="s">
        <v>248</v>
      </c>
      <c r="R58" s="332" t="s">
        <v>250</v>
      </c>
      <c r="S58" s="120" t="s">
        <v>52</v>
      </c>
    </row>
    <row r="59" spans="2:19" ht="19.95" customHeight="1" thickTop="1" x14ac:dyDescent="0.2">
      <c r="B59" s="417" t="s">
        <v>252</v>
      </c>
      <c r="C59" s="110" t="s">
        <v>254</v>
      </c>
      <c r="D59" s="121">
        <v>95</v>
      </c>
      <c r="E59" s="336">
        <v>12</v>
      </c>
      <c r="F59" s="337">
        <v>1</v>
      </c>
      <c r="G59" s="337">
        <v>4</v>
      </c>
      <c r="H59" s="337">
        <v>0</v>
      </c>
      <c r="I59" s="337">
        <v>26</v>
      </c>
      <c r="J59" s="337">
        <v>13</v>
      </c>
      <c r="K59" s="337">
        <v>7</v>
      </c>
      <c r="L59" s="337">
        <v>13</v>
      </c>
      <c r="M59" s="337">
        <v>0</v>
      </c>
      <c r="N59" s="337">
        <v>13</v>
      </c>
      <c r="O59" s="337">
        <v>2</v>
      </c>
      <c r="P59" s="337">
        <v>18</v>
      </c>
      <c r="Q59" s="337">
        <v>78</v>
      </c>
      <c r="R59" s="338">
        <v>44</v>
      </c>
      <c r="S59" s="348">
        <v>231</v>
      </c>
    </row>
    <row r="60" spans="2:19" ht="19.95" customHeight="1" thickBot="1" x14ac:dyDescent="0.25">
      <c r="B60" s="418"/>
      <c r="C60" s="124"/>
      <c r="D60" s="125" t="s">
        <v>72</v>
      </c>
      <c r="E60" s="349">
        <v>5.1948051948051951E-2</v>
      </c>
      <c r="F60" s="19">
        <v>4.329004329004329E-3</v>
      </c>
      <c r="G60" s="19">
        <v>1.7316017316017316E-2</v>
      </c>
      <c r="H60" s="19">
        <v>0</v>
      </c>
      <c r="I60" s="19">
        <v>0.11255411255411256</v>
      </c>
      <c r="J60" s="19">
        <v>5.627705627705628E-2</v>
      </c>
      <c r="K60" s="19">
        <v>3.0303030303030304E-2</v>
      </c>
      <c r="L60" s="19">
        <v>5.627705627705628E-2</v>
      </c>
      <c r="M60" s="19">
        <v>0</v>
      </c>
      <c r="N60" s="19">
        <v>5.627705627705628E-2</v>
      </c>
      <c r="O60" s="19">
        <v>8.658008658008658E-3</v>
      </c>
      <c r="P60" s="19">
        <v>7.792207792207792E-2</v>
      </c>
      <c r="Q60" s="19">
        <v>0.33766233766233766</v>
      </c>
      <c r="R60" s="20">
        <v>0.19047619047619047</v>
      </c>
      <c r="S60" s="350">
        <v>1</v>
      </c>
    </row>
    <row r="61" spans="2:19" ht="19.95" customHeight="1" thickTop="1" x14ac:dyDescent="0.2">
      <c r="B61" s="417" t="s">
        <v>253</v>
      </c>
      <c r="C61" s="110" t="s">
        <v>7</v>
      </c>
      <c r="D61" s="121">
        <v>257</v>
      </c>
      <c r="E61" s="336">
        <v>17</v>
      </c>
      <c r="F61" s="337">
        <v>2</v>
      </c>
      <c r="G61" s="337">
        <v>9</v>
      </c>
      <c r="H61" s="337">
        <v>4</v>
      </c>
      <c r="I61" s="337">
        <v>36</v>
      </c>
      <c r="J61" s="337">
        <v>13</v>
      </c>
      <c r="K61" s="337">
        <v>30</v>
      </c>
      <c r="L61" s="337">
        <v>25</v>
      </c>
      <c r="M61" s="337">
        <v>0</v>
      </c>
      <c r="N61" s="337">
        <v>21</v>
      </c>
      <c r="O61" s="337">
        <v>5</v>
      </c>
      <c r="P61" s="337">
        <v>59</v>
      </c>
      <c r="Q61" s="337">
        <v>164</v>
      </c>
      <c r="R61" s="338">
        <v>118</v>
      </c>
      <c r="S61" s="361">
        <v>503</v>
      </c>
    </row>
    <row r="62" spans="2:19" ht="19.95" customHeight="1" thickBot="1" x14ac:dyDescent="0.25">
      <c r="B62" s="418"/>
      <c r="C62" s="124"/>
      <c r="D62" s="125" t="s">
        <v>72</v>
      </c>
      <c r="E62" s="349">
        <v>3.3797216699801194E-2</v>
      </c>
      <c r="F62" s="19">
        <v>3.9761431411530811E-3</v>
      </c>
      <c r="G62" s="19">
        <v>1.7892644135188866E-2</v>
      </c>
      <c r="H62" s="19">
        <v>7.9522862823061622E-3</v>
      </c>
      <c r="I62" s="19">
        <v>7.1570576540755465E-2</v>
      </c>
      <c r="J62" s="19">
        <v>2.584493041749503E-2</v>
      </c>
      <c r="K62" s="19">
        <v>5.9642147117296221E-2</v>
      </c>
      <c r="L62" s="19">
        <v>4.9701789264413522E-2</v>
      </c>
      <c r="M62" s="19">
        <v>0</v>
      </c>
      <c r="N62" s="19">
        <v>4.1749502982107355E-2</v>
      </c>
      <c r="O62" s="19">
        <v>9.9403578528827041E-3</v>
      </c>
      <c r="P62" s="19">
        <v>0.1172962226640159</v>
      </c>
      <c r="Q62" s="19">
        <v>0.32604373757455268</v>
      </c>
      <c r="R62" s="20">
        <v>0.23459244532803181</v>
      </c>
      <c r="S62" s="350">
        <v>1</v>
      </c>
    </row>
  </sheetData>
  <mergeCells count="23">
    <mergeCell ref="B36:B44"/>
    <mergeCell ref="B45:B53"/>
    <mergeCell ref="B34:B35"/>
    <mergeCell ref="B59:B60"/>
    <mergeCell ref="B61:B62"/>
    <mergeCell ref="C34:C35"/>
    <mergeCell ref="D34:H34"/>
    <mergeCell ref="I34:M34"/>
    <mergeCell ref="N34:R34"/>
    <mergeCell ref="B27:B31"/>
    <mergeCell ref="B22:B26"/>
    <mergeCell ref="B20:B21"/>
    <mergeCell ref="C20:C21"/>
    <mergeCell ref="D20:H20"/>
    <mergeCell ref="I20:M20"/>
    <mergeCell ref="N20:R20"/>
    <mergeCell ref="N5:R5"/>
    <mergeCell ref="B7:B11"/>
    <mergeCell ref="B12:B17"/>
    <mergeCell ref="B5:B6"/>
    <mergeCell ref="C5:C6"/>
    <mergeCell ref="D5:H5"/>
    <mergeCell ref="I5:M5"/>
  </mergeCells>
  <phoneticPr fontId="9"/>
  <pageMargins left="0.39370078740157483" right="0.11811023622047245" top="0.55118110236220474" bottom="0.47244094488188981" header="0.31496062992125984" footer="0.31496062992125984"/>
  <pageSetup paperSize="9" scale="57" fitToHeight="2" orientation="landscape" r:id="rId1"/>
  <headerFooter scaleWithDoc="0" alignWithMargins="0">
    <oddFooter>&amp;C&amp;P</oddFooter>
  </headerFooter>
  <rowBreaks count="1" manualBreakCount="1">
    <brk id="31" max="18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7"/>
  <sheetViews>
    <sheetView view="pageBreakPreview" zoomScale="80" zoomScaleNormal="80" zoomScaleSheetLayoutView="80" workbookViewId="0"/>
  </sheetViews>
  <sheetFormatPr defaultColWidth="14.77734375" defaultRowHeight="19.95" customHeight="1" x14ac:dyDescent="0.2"/>
  <cols>
    <col min="1" max="1" width="14.77734375" style="88" customWidth="1"/>
    <col min="2" max="2" width="14.77734375" style="106"/>
    <col min="3" max="16384" width="14.77734375" style="88"/>
  </cols>
  <sheetData>
    <row r="1" spans="1:16" s="80" customFormat="1" ht="19.95" customHeight="1" x14ac:dyDescent="0.2">
      <c r="A1" s="79" t="s">
        <v>178</v>
      </c>
      <c r="B1" s="84"/>
      <c r="D1" s="79"/>
    </row>
    <row r="2" spans="1:16" s="80" customFormat="1" ht="19.95" customHeight="1" x14ac:dyDescent="0.2">
      <c r="A2" s="79"/>
      <c r="B2" s="84"/>
      <c r="D2" s="79"/>
    </row>
    <row r="3" spans="1:16" ht="19.95" customHeight="1" thickBot="1" x14ac:dyDescent="0.25">
      <c r="A3" s="88" t="s">
        <v>179</v>
      </c>
      <c r="E3" s="12"/>
      <c r="F3" s="12"/>
      <c r="I3" s="88" t="s">
        <v>181</v>
      </c>
      <c r="K3" s="106"/>
      <c r="L3" s="12"/>
      <c r="M3" s="12"/>
      <c r="N3" s="12"/>
      <c r="O3" s="12"/>
    </row>
    <row r="4" spans="1:16" ht="19.95" customHeight="1" thickBot="1" x14ac:dyDescent="0.25">
      <c r="A4" s="115"/>
      <c r="B4" s="116" t="s">
        <v>23</v>
      </c>
      <c r="C4" s="117" t="s">
        <v>86</v>
      </c>
      <c r="D4" s="126" t="s">
        <v>173</v>
      </c>
      <c r="E4" s="127" t="s">
        <v>174</v>
      </c>
      <c r="F4" s="128" t="s">
        <v>2</v>
      </c>
      <c r="G4" s="129" t="s">
        <v>34</v>
      </c>
      <c r="I4" s="115"/>
      <c r="J4" s="116" t="s">
        <v>23</v>
      </c>
      <c r="K4" s="117" t="s">
        <v>86</v>
      </c>
      <c r="L4" s="367" t="s">
        <v>93</v>
      </c>
      <c r="M4" s="118" t="s">
        <v>94</v>
      </c>
      <c r="N4" s="85" t="s">
        <v>175</v>
      </c>
      <c r="O4" s="119" t="s">
        <v>2</v>
      </c>
      <c r="P4" s="120" t="s">
        <v>52</v>
      </c>
    </row>
    <row r="5" spans="1:16" ht="19.95" customHeight="1" thickTop="1" x14ac:dyDescent="0.2">
      <c r="A5" s="419" t="s">
        <v>21</v>
      </c>
      <c r="B5" s="130" t="s">
        <v>24</v>
      </c>
      <c r="C5" s="131">
        <v>0</v>
      </c>
      <c r="D5" s="132">
        <v>0</v>
      </c>
      <c r="E5" s="133">
        <v>0</v>
      </c>
      <c r="F5" s="133">
        <v>0</v>
      </c>
      <c r="G5" s="134">
        <v>0</v>
      </c>
      <c r="I5" s="419" t="s">
        <v>21</v>
      </c>
      <c r="J5" s="130" t="s">
        <v>24</v>
      </c>
      <c r="K5" s="131">
        <v>0</v>
      </c>
      <c r="L5" s="375">
        <v>0</v>
      </c>
      <c r="M5" s="376">
        <v>0</v>
      </c>
      <c r="N5" s="376">
        <v>0</v>
      </c>
      <c r="O5" s="377">
        <v>0</v>
      </c>
      <c r="P5" s="339">
        <v>0</v>
      </c>
    </row>
    <row r="6" spans="1:16" ht="19.95" customHeight="1" x14ac:dyDescent="0.2">
      <c r="A6" s="417"/>
      <c r="B6" s="111" t="s">
        <v>6</v>
      </c>
      <c r="C6" s="122">
        <v>21</v>
      </c>
      <c r="D6" s="132">
        <v>2</v>
      </c>
      <c r="E6" s="133">
        <v>9</v>
      </c>
      <c r="F6" s="133">
        <v>29</v>
      </c>
      <c r="G6" s="134">
        <v>40</v>
      </c>
      <c r="I6" s="417"/>
      <c r="J6" s="111" t="s">
        <v>6</v>
      </c>
      <c r="K6" s="122">
        <v>21</v>
      </c>
      <c r="L6" s="340">
        <v>7</v>
      </c>
      <c r="M6" s="341">
        <v>3</v>
      </c>
      <c r="N6" s="341">
        <v>0</v>
      </c>
      <c r="O6" s="342">
        <v>30</v>
      </c>
      <c r="P6" s="343">
        <v>40</v>
      </c>
    </row>
    <row r="7" spans="1:16" ht="19.95" customHeight="1" x14ac:dyDescent="0.2">
      <c r="A7" s="417"/>
      <c r="B7" s="111" t="s">
        <v>25</v>
      </c>
      <c r="C7" s="122">
        <v>60</v>
      </c>
      <c r="D7" s="135">
        <v>3</v>
      </c>
      <c r="E7" s="136">
        <v>41</v>
      </c>
      <c r="F7" s="136">
        <v>84</v>
      </c>
      <c r="G7" s="134">
        <v>128</v>
      </c>
      <c r="I7" s="417"/>
      <c r="J7" s="111" t="s">
        <v>25</v>
      </c>
      <c r="K7" s="122">
        <v>60</v>
      </c>
      <c r="L7" s="340">
        <v>24</v>
      </c>
      <c r="M7" s="341">
        <v>5</v>
      </c>
      <c r="N7" s="341">
        <v>6</v>
      </c>
      <c r="O7" s="342">
        <v>93</v>
      </c>
      <c r="P7" s="343">
        <v>128</v>
      </c>
    </row>
    <row r="8" spans="1:16" ht="19.95" customHeight="1" thickBot="1" x14ac:dyDescent="0.25">
      <c r="A8" s="417"/>
      <c r="B8" s="112" t="s">
        <v>26</v>
      </c>
      <c r="C8" s="123">
        <v>14</v>
      </c>
      <c r="D8" s="135">
        <v>1</v>
      </c>
      <c r="E8" s="136">
        <v>15</v>
      </c>
      <c r="F8" s="136">
        <v>47</v>
      </c>
      <c r="G8" s="137">
        <v>63</v>
      </c>
      <c r="I8" s="417"/>
      <c r="J8" s="112" t="s">
        <v>26</v>
      </c>
      <c r="K8" s="123">
        <v>14</v>
      </c>
      <c r="L8" s="344">
        <v>6</v>
      </c>
      <c r="M8" s="345">
        <v>2</v>
      </c>
      <c r="N8" s="345">
        <v>5</v>
      </c>
      <c r="O8" s="346">
        <v>50</v>
      </c>
      <c r="P8" s="347">
        <v>63</v>
      </c>
    </row>
    <row r="9" spans="1:16" ht="19.95" customHeight="1" thickTop="1" thickBot="1" x14ac:dyDescent="0.25">
      <c r="A9" s="417"/>
      <c r="B9" s="110" t="s">
        <v>7</v>
      </c>
      <c r="C9" s="121">
        <v>95</v>
      </c>
      <c r="D9" s="69">
        <v>6</v>
      </c>
      <c r="E9" s="69">
        <v>65</v>
      </c>
      <c r="F9" s="70">
        <v>160</v>
      </c>
      <c r="G9" s="71">
        <v>231</v>
      </c>
      <c r="I9" s="417"/>
      <c r="J9" s="110" t="s">
        <v>7</v>
      </c>
      <c r="K9" s="121">
        <v>95</v>
      </c>
      <c r="L9" s="61">
        <v>37</v>
      </c>
      <c r="M9" s="62">
        <v>10</v>
      </c>
      <c r="N9" s="62">
        <v>11</v>
      </c>
      <c r="O9" s="64">
        <v>173</v>
      </c>
      <c r="P9" s="65">
        <v>231</v>
      </c>
    </row>
    <row r="10" spans="1:16" ht="19.95" customHeight="1" thickTop="1" thickBot="1" x14ac:dyDescent="0.25">
      <c r="A10" s="418"/>
      <c r="B10" s="124"/>
      <c r="C10" s="125" t="s">
        <v>72</v>
      </c>
      <c r="D10" s="72">
        <v>2.5974025974025976E-2</v>
      </c>
      <c r="E10" s="73">
        <v>0.2813852813852814</v>
      </c>
      <c r="F10" s="74">
        <v>0.69264069264069261</v>
      </c>
      <c r="G10" s="75">
        <v>1</v>
      </c>
      <c r="I10" s="418"/>
      <c r="J10" s="124"/>
      <c r="K10" s="125" t="s">
        <v>72</v>
      </c>
      <c r="L10" s="28">
        <v>0.16017316017316016</v>
      </c>
      <c r="M10" s="24">
        <v>4.3290043290043288E-2</v>
      </c>
      <c r="N10" s="24">
        <v>4.7619047619047616E-2</v>
      </c>
      <c r="O10" s="37">
        <v>0.74891774891774887</v>
      </c>
      <c r="P10" s="77">
        <v>1</v>
      </c>
    </row>
    <row r="11" spans="1:16" ht="19.95" customHeight="1" x14ac:dyDescent="0.2">
      <c r="A11" s="408" t="s">
        <v>22</v>
      </c>
      <c r="B11" s="110" t="s">
        <v>150</v>
      </c>
      <c r="C11" s="121">
        <v>17</v>
      </c>
      <c r="D11" s="132">
        <v>0</v>
      </c>
      <c r="E11" s="133">
        <v>2</v>
      </c>
      <c r="F11" s="133">
        <v>8</v>
      </c>
      <c r="G11" s="134">
        <v>10</v>
      </c>
      <c r="I11" s="408" t="s">
        <v>22</v>
      </c>
      <c r="J11" s="110" t="s">
        <v>150</v>
      </c>
      <c r="K11" s="121">
        <v>17</v>
      </c>
      <c r="L11" s="351">
        <v>2</v>
      </c>
      <c r="M11" s="352">
        <v>0</v>
      </c>
      <c r="N11" s="352">
        <v>0</v>
      </c>
      <c r="O11" s="353">
        <v>8</v>
      </c>
      <c r="P11" s="348">
        <v>10</v>
      </c>
    </row>
    <row r="12" spans="1:16" ht="19.95" customHeight="1" x14ac:dyDescent="0.2">
      <c r="A12" s="417"/>
      <c r="B12" s="111" t="s">
        <v>6</v>
      </c>
      <c r="C12" s="122">
        <v>83</v>
      </c>
      <c r="D12" s="132">
        <v>1</v>
      </c>
      <c r="E12" s="133">
        <v>43</v>
      </c>
      <c r="F12" s="133">
        <v>106</v>
      </c>
      <c r="G12" s="134">
        <v>150</v>
      </c>
      <c r="I12" s="417"/>
      <c r="J12" s="111" t="s">
        <v>6</v>
      </c>
      <c r="K12" s="122">
        <v>83</v>
      </c>
      <c r="L12" s="354">
        <v>25</v>
      </c>
      <c r="M12" s="355">
        <v>0</v>
      </c>
      <c r="N12" s="355">
        <v>13</v>
      </c>
      <c r="O12" s="356">
        <v>112</v>
      </c>
      <c r="P12" s="343">
        <v>150</v>
      </c>
    </row>
    <row r="13" spans="1:16" ht="19.95" customHeight="1" x14ac:dyDescent="0.2">
      <c r="A13" s="417"/>
      <c r="B13" s="111" t="s">
        <v>44</v>
      </c>
      <c r="C13" s="122">
        <v>124</v>
      </c>
      <c r="D13" s="135">
        <v>3</v>
      </c>
      <c r="E13" s="136">
        <v>79</v>
      </c>
      <c r="F13" s="136">
        <v>190</v>
      </c>
      <c r="G13" s="134">
        <v>272</v>
      </c>
      <c r="I13" s="417"/>
      <c r="J13" s="111" t="s">
        <v>44</v>
      </c>
      <c r="K13" s="122">
        <v>124</v>
      </c>
      <c r="L13" s="354">
        <v>60</v>
      </c>
      <c r="M13" s="355">
        <v>11</v>
      </c>
      <c r="N13" s="355">
        <v>7</v>
      </c>
      <c r="O13" s="356">
        <v>194</v>
      </c>
      <c r="P13" s="357">
        <v>272</v>
      </c>
    </row>
    <row r="14" spans="1:16" ht="19.95" customHeight="1" x14ac:dyDescent="0.2">
      <c r="A14" s="417"/>
      <c r="B14" s="111" t="s">
        <v>45</v>
      </c>
      <c r="C14" s="122">
        <v>29</v>
      </c>
      <c r="D14" s="135">
        <v>0</v>
      </c>
      <c r="E14" s="136">
        <v>19</v>
      </c>
      <c r="F14" s="136">
        <v>39</v>
      </c>
      <c r="G14" s="134">
        <v>58</v>
      </c>
      <c r="I14" s="417"/>
      <c r="J14" s="111" t="s">
        <v>45</v>
      </c>
      <c r="K14" s="122">
        <v>29</v>
      </c>
      <c r="L14" s="354">
        <v>4</v>
      </c>
      <c r="M14" s="355">
        <v>1</v>
      </c>
      <c r="N14" s="355">
        <v>2</v>
      </c>
      <c r="O14" s="356">
        <v>51</v>
      </c>
      <c r="P14" s="343">
        <v>58</v>
      </c>
    </row>
    <row r="15" spans="1:16" ht="19.95" customHeight="1" thickBot="1" x14ac:dyDescent="0.25">
      <c r="A15" s="417"/>
      <c r="B15" s="112" t="s">
        <v>46</v>
      </c>
      <c r="C15" s="123">
        <v>4</v>
      </c>
      <c r="D15" s="135">
        <v>0</v>
      </c>
      <c r="E15" s="136">
        <v>2</v>
      </c>
      <c r="F15" s="136">
        <v>11</v>
      </c>
      <c r="G15" s="137">
        <v>13</v>
      </c>
      <c r="I15" s="417"/>
      <c r="J15" s="112" t="s">
        <v>46</v>
      </c>
      <c r="K15" s="123">
        <v>4</v>
      </c>
      <c r="L15" s="358">
        <v>0</v>
      </c>
      <c r="M15" s="359">
        <v>0</v>
      </c>
      <c r="N15" s="359">
        <v>2</v>
      </c>
      <c r="O15" s="360">
        <v>11</v>
      </c>
      <c r="P15" s="347">
        <v>13</v>
      </c>
    </row>
    <row r="16" spans="1:16" ht="19.95" customHeight="1" thickTop="1" thickBot="1" x14ac:dyDescent="0.25">
      <c r="A16" s="417"/>
      <c r="B16" s="110" t="s">
        <v>7</v>
      </c>
      <c r="C16" s="121">
        <v>257</v>
      </c>
      <c r="D16" s="69">
        <v>4</v>
      </c>
      <c r="E16" s="69">
        <v>145</v>
      </c>
      <c r="F16" s="70">
        <v>354</v>
      </c>
      <c r="G16" s="71">
        <v>503</v>
      </c>
      <c r="I16" s="417"/>
      <c r="J16" s="110" t="s">
        <v>7</v>
      </c>
      <c r="K16" s="121">
        <v>257</v>
      </c>
      <c r="L16" s="61">
        <v>91</v>
      </c>
      <c r="M16" s="62">
        <v>12</v>
      </c>
      <c r="N16" s="62">
        <v>24</v>
      </c>
      <c r="O16" s="64">
        <v>376</v>
      </c>
      <c r="P16" s="378">
        <v>503</v>
      </c>
    </row>
    <row r="17" spans="1:16" ht="19.95" customHeight="1" thickTop="1" thickBot="1" x14ac:dyDescent="0.25">
      <c r="A17" s="418"/>
      <c r="B17" s="124"/>
      <c r="C17" s="125" t="s">
        <v>72</v>
      </c>
      <c r="D17" s="72">
        <v>7.9522862823061622E-3</v>
      </c>
      <c r="E17" s="73">
        <v>0.28827037773359843</v>
      </c>
      <c r="F17" s="74">
        <v>0.70377733598409542</v>
      </c>
      <c r="G17" s="75">
        <v>1</v>
      </c>
      <c r="I17" s="418"/>
      <c r="J17" s="124"/>
      <c r="K17" s="125" t="s">
        <v>72</v>
      </c>
      <c r="L17" s="28">
        <v>0.18091451292246521</v>
      </c>
      <c r="M17" s="24">
        <v>2.3856858846918488E-2</v>
      </c>
      <c r="N17" s="24">
        <v>4.7713717693836977E-2</v>
      </c>
      <c r="O17" s="37">
        <v>0.74751491053677932</v>
      </c>
      <c r="P17" s="77">
        <v>1</v>
      </c>
    </row>
    <row r="18" spans="1:16" ht="19.95" customHeight="1" x14ac:dyDescent="0.2">
      <c r="A18" s="106"/>
      <c r="B18" s="88"/>
      <c r="I18" s="106"/>
      <c r="J18" s="106"/>
      <c r="K18" s="106"/>
      <c r="L18" s="373"/>
      <c r="M18" s="373"/>
      <c r="N18" s="373"/>
      <c r="O18" s="373"/>
      <c r="P18" s="373"/>
    </row>
    <row r="19" spans="1:16" ht="19.95" customHeight="1" thickBot="1" x14ac:dyDescent="0.25">
      <c r="A19" s="88" t="s">
        <v>180</v>
      </c>
      <c r="B19" s="88"/>
      <c r="D19" s="12"/>
      <c r="E19" s="12"/>
      <c r="G19" s="12"/>
      <c r="I19" s="88" t="s">
        <v>182</v>
      </c>
      <c r="K19" s="106"/>
      <c r="L19" s="12"/>
      <c r="M19" s="12"/>
      <c r="N19" s="12"/>
      <c r="O19" s="12"/>
    </row>
    <row r="20" spans="1:16" ht="19.95" customHeight="1" thickBot="1" x14ac:dyDescent="0.25">
      <c r="A20" s="115"/>
      <c r="B20" s="116" t="s">
        <v>156</v>
      </c>
      <c r="C20" s="117" t="s">
        <v>86</v>
      </c>
      <c r="D20" s="126" t="s">
        <v>173</v>
      </c>
      <c r="E20" s="127" t="s">
        <v>174</v>
      </c>
      <c r="F20" s="128" t="s">
        <v>2</v>
      </c>
      <c r="G20" s="129" t="s">
        <v>34</v>
      </c>
      <c r="I20" s="115"/>
      <c r="J20" s="116" t="s">
        <v>156</v>
      </c>
      <c r="K20" s="117" t="s">
        <v>86</v>
      </c>
      <c r="L20" s="367" t="s">
        <v>93</v>
      </c>
      <c r="M20" s="118" t="s">
        <v>94</v>
      </c>
      <c r="N20" s="85" t="s">
        <v>175</v>
      </c>
      <c r="O20" s="119" t="s">
        <v>2</v>
      </c>
      <c r="P20" s="120" t="s">
        <v>52</v>
      </c>
    </row>
    <row r="21" spans="1:16" ht="19.95" customHeight="1" thickTop="1" x14ac:dyDescent="0.2">
      <c r="A21" s="419" t="s">
        <v>21</v>
      </c>
      <c r="B21" s="110" t="s">
        <v>12</v>
      </c>
      <c r="C21" s="121">
        <v>40</v>
      </c>
      <c r="D21" s="132">
        <v>3</v>
      </c>
      <c r="E21" s="133">
        <v>35</v>
      </c>
      <c r="F21" s="133">
        <v>84</v>
      </c>
      <c r="G21" s="134">
        <v>122</v>
      </c>
      <c r="I21" s="419" t="s">
        <v>21</v>
      </c>
      <c r="J21" s="110" t="s">
        <v>12</v>
      </c>
      <c r="K21" s="121">
        <v>40</v>
      </c>
      <c r="L21" s="336">
        <v>13</v>
      </c>
      <c r="M21" s="337">
        <v>5</v>
      </c>
      <c r="N21" s="337">
        <v>10</v>
      </c>
      <c r="O21" s="338">
        <v>94</v>
      </c>
      <c r="P21" s="339">
        <v>122</v>
      </c>
    </row>
    <row r="22" spans="1:16" ht="19.95" customHeight="1" x14ac:dyDescent="0.2">
      <c r="A22" s="417"/>
      <c r="B22" s="110" t="s">
        <v>13</v>
      </c>
      <c r="C22" s="121">
        <v>9</v>
      </c>
      <c r="D22" s="132">
        <v>0</v>
      </c>
      <c r="E22" s="133">
        <v>8</v>
      </c>
      <c r="F22" s="133">
        <v>21</v>
      </c>
      <c r="G22" s="134">
        <v>29</v>
      </c>
      <c r="I22" s="417"/>
      <c r="J22" s="110" t="s">
        <v>13</v>
      </c>
      <c r="K22" s="121">
        <v>9</v>
      </c>
      <c r="L22" s="336">
        <v>5</v>
      </c>
      <c r="M22" s="337">
        <v>1</v>
      </c>
      <c r="N22" s="337">
        <v>1</v>
      </c>
      <c r="O22" s="338">
        <v>22</v>
      </c>
      <c r="P22" s="348">
        <v>29</v>
      </c>
    </row>
    <row r="23" spans="1:16" ht="19.95" customHeight="1" x14ac:dyDescent="0.2">
      <c r="A23" s="417"/>
      <c r="B23" s="110" t="s">
        <v>14</v>
      </c>
      <c r="C23" s="121">
        <v>8</v>
      </c>
      <c r="D23" s="132">
        <v>0</v>
      </c>
      <c r="E23" s="133">
        <v>6</v>
      </c>
      <c r="F23" s="133">
        <v>5</v>
      </c>
      <c r="G23" s="134">
        <v>11</v>
      </c>
      <c r="I23" s="417"/>
      <c r="J23" s="110" t="s">
        <v>14</v>
      </c>
      <c r="K23" s="121">
        <v>8</v>
      </c>
      <c r="L23" s="336">
        <v>5</v>
      </c>
      <c r="M23" s="337">
        <v>0</v>
      </c>
      <c r="N23" s="337">
        <v>0</v>
      </c>
      <c r="O23" s="338">
        <v>6</v>
      </c>
      <c r="P23" s="348">
        <v>11</v>
      </c>
    </row>
    <row r="24" spans="1:16" ht="19.95" customHeight="1" x14ac:dyDescent="0.2">
      <c r="A24" s="417"/>
      <c r="B24" s="110" t="s">
        <v>15</v>
      </c>
      <c r="C24" s="121">
        <v>8</v>
      </c>
      <c r="D24" s="135">
        <v>0</v>
      </c>
      <c r="E24" s="136">
        <v>4</v>
      </c>
      <c r="F24" s="136">
        <v>18</v>
      </c>
      <c r="G24" s="134">
        <v>22</v>
      </c>
      <c r="I24" s="417"/>
      <c r="J24" s="110" t="s">
        <v>15</v>
      </c>
      <c r="K24" s="121">
        <v>8</v>
      </c>
      <c r="L24" s="336">
        <v>4</v>
      </c>
      <c r="M24" s="337">
        <v>0</v>
      </c>
      <c r="N24" s="337">
        <v>0</v>
      </c>
      <c r="O24" s="338">
        <v>18</v>
      </c>
      <c r="P24" s="348">
        <v>22</v>
      </c>
    </row>
    <row r="25" spans="1:16" ht="19.95" customHeight="1" x14ac:dyDescent="0.2">
      <c r="A25" s="417"/>
      <c r="B25" s="111" t="s">
        <v>16</v>
      </c>
      <c r="C25" s="122">
        <v>6</v>
      </c>
      <c r="D25" s="135">
        <v>1</v>
      </c>
      <c r="E25" s="136">
        <v>1</v>
      </c>
      <c r="F25" s="136">
        <v>6</v>
      </c>
      <c r="G25" s="134">
        <v>8</v>
      </c>
      <c r="H25" s="362"/>
      <c r="I25" s="417"/>
      <c r="J25" s="111" t="s">
        <v>16</v>
      </c>
      <c r="K25" s="122">
        <v>6</v>
      </c>
      <c r="L25" s="340">
        <v>0</v>
      </c>
      <c r="M25" s="341">
        <v>1</v>
      </c>
      <c r="N25" s="341">
        <v>0</v>
      </c>
      <c r="O25" s="342">
        <v>7</v>
      </c>
      <c r="P25" s="343">
        <v>8</v>
      </c>
    </row>
    <row r="26" spans="1:16" ht="19.95" customHeight="1" x14ac:dyDescent="0.2">
      <c r="A26" s="417"/>
      <c r="B26" s="111" t="s">
        <v>17</v>
      </c>
      <c r="C26" s="122">
        <v>9</v>
      </c>
      <c r="D26" s="135">
        <v>1</v>
      </c>
      <c r="E26" s="136">
        <v>4</v>
      </c>
      <c r="F26" s="136">
        <v>14</v>
      </c>
      <c r="G26" s="134">
        <v>19</v>
      </c>
      <c r="H26" s="362"/>
      <c r="I26" s="417"/>
      <c r="J26" s="111" t="s">
        <v>17</v>
      </c>
      <c r="K26" s="122">
        <v>9</v>
      </c>
      <c r="L26" s="340">
        <v>4</v>
      </c>
      <c r="M26" s="341">
        <v>1</v>
      </c>
      <c r="N26" s="341">
        <v>0</v>
      </c>
      <c r="O26" s="342">
        <v>14</v>
      </c>
      <c r="P26" s="343">
        <v>19</v>
      </c>
    </row>
    <row r="27" spans="1:16" ht="19.95" customHeight="1" x14ac:dyDescent="0.2">
      <c r="A27" s="417"/>
      <c r="B27" s="111" t="s">
        <v>18</v>
      </c>
      <c r="C27" s="122">
        <v>10</v>
      </c>
      <c r="D27" s="135">
        <v>1</v>
      </c>
      <c r="E27" s="136">
        <v>6</v>
      </c>
      <c r="F27" s="136">
        <v>9</v>
      </c>
      <c r="G27" s="134">
        <v>16</v>
      </c>
      <c r="H27" s="362"/>
      <c r="I27" s="417"/>
      <c r="J27" s="111" t="s">
        <v>18</v>
      </c>
      <c r="K27" s="122">
        <v>10</v>
      </c>
      <c r="L27" s="340">
        <v>5</v>
      </c>
      <c r="M27" s="341">
        <v>2</v>
      </c>
      <c r="N27" s="341">
        <v>0</v>
      </c>
      <c r="O27" s="342">
        <v>9</v>
      </c>
      <c r="P27" s="343">
        <v>16</v>
      </c>
    </row>
    <row r="28" spans="1:16" ht="19.95" customHeight="1" thickBot="1" x14ac:dyDescent="0.25">
      <c r="A28" s="417"/>
      <c r="B28" s="112" t="s">
        <v>19</v>
      </c>
      <c r="C28" s="123">
        <v>5</v>
      </c>
      <c r="D28" s="135">
        <v>0</v>
      </c>
      <c r="E28" s="136">
        <v>1</v>
      </c>
      <c r="F28" s="136">
        <v>3</v>
      </c>
      <c r="G28" s="137">
        <v>4</v>
      </c>
      <c r="H28" s="362"/>
      <c r="I28" s="417"/>
      <c r="J28" s="112" t="s">
        <v>19</v>
      </c>
      <c r="K28" s="123">
        <v>5</v>
      </c>
      <c r="L28" s="344">
        <v>1</v>
      </c>
      <c r="M28" s="345">
        <v>0</v>
      </c>
      <c r="N28" s="345">
        <v>0</v>
      </c>
      <c r="O28" s="346">
        <v>3</v>
      </c>
      <c r="P28" s="347">
        <v>4</v>
      </c>
    </row>
    <row r="29" spans="1:16" ht="19.95" customHeight="1" thickTop="1" thickBot="1" x14ac:dyDescent="0.25">
      <c r="A29" s="417"/>
      <c r="B29" s="110" t="s">
        <v>7</v>
      </c>
      <c r="C29" s="121">
        <v>95</v>
      </c>
      <c r="D29" s="69">
        <v>6</v>
      </c>
      <c r="E29" s="69">
        <v>65</v>
      </c>
      <c r="F29" s="70">
        <v>160</v>
      </c>
      <c r="G29" s="71">
        <v>231</v>
      </c>
      <c r="H29" s="362"/>
      <c r="I29" s="417"/>
      <c r="J29" s="110" t="s">
        <v>7</v>
      </c>
      <c r="K29" s="121">
        <v>95</v>
      </c>
      <c r="L29" s="61">
        <v>37</v>
      </c>
      <c r="M29" s="62">
        <v>10</v>
      </c>
      <c r="N29" s="62">
        <v>11</v>
      </c>
      <c r="O29" s="64">
        <v>173</v>
      </c>
      <c r="P29" s="25">
        <v>231</v>
      </c>
    </row>
    <row r="30" spans="1:16" ht="19.95" customHeight="1" thickTop="1" thickBot="1" x14ac:dyDescent="0.25">
      <c r="A30" s="418"/>
      <c r="B30" s="124"/>
      <c r="C30" s="125" t="s">
        <v>72</v>
      </c>
      <c r="D30" s="72">
        <v>2.5974025974025976E-2</v>
      </c>
      <c r="E30" s="73">
        <v>0.2813852813852814</v>
      </c>
      <c r="F30" s="74">
        <v>0.69264069264069261</v>
      </c>
      <c r="G30" s="75">
        <v>1</v>
      </c>
      <c r="H30" s="362"/>
      <c r="I30" s="418"/>
      <c r="J30" s="124"/>
      <c r="K30" s="125" t="s">
        <v>72</v>
      </c>
      <c r="L30" s="28">
        <v>0.16017316017316016</v>
      </c>
      <c r="M30" s="24">
        <v>4.3290043290043288E-2</v>
      </c>
      <c r="N30" s="24">
        <v>4.7619047619047616E-2</v>
      </c>
      <c r="O30" s="37">
        <v>0.74891774891774887</v>
      </c>
      <c r="P30" s="77">
        <v>1</v>
      </c>
    </row>
    <row r="31" spans="1:16" ht="19.95" customHeight="1" x14ac:dyDescent="0.2">
      <c r="A31" s="417" t="s">
        <v>22</v>
      </c>
      <c r="B31" s="110" t="s">
        <v>12</v>
      </c>
      <c r="C31" s="121">
        <v>96</v>
      </c>
      <c r="D31" s="132">
        <v>1</v>
      </c>
      <c r="E31" s="133">
        <v>55</v>
      </c>
      <c r="F31" s="133">
        <v>138</v>
      </c>
      <c r="G31" s="134">
        <v>194</v>
      </c>
      <c r="H31" s="362"/>
      <c r="I31" s="417" t="s">
        <v>22</v>
      </c>
      <c r="J31" s="110" t="s">
        <v>12</v>
      </c>
      <c r="K31" s="121">
        <v>96</v>
      </c>
      <c r="L31" s="351">
        <v>34</v>
      </c>
      <c r="M31" s="352">
        <v>6</v>
      </c>
      <c r="N31" s="352">
        <v>9</v>
      </c>
      <c r="O31" s="353">
        <v>145</v>
      </c>
      <c r="P31" s="348">
        <v>194</v>
      </c>
    </row>
    <row r="32" spans="1:16" ht="19.95" customHeight="1" x14ac:dyDescent="0.2">
      <c r="A32" s="417"/>
      <c r="B32" s="110" t="s">
        <v>13</v>
      </c>
      <c r="C32" s="121">
        <v>35</v>
      </c>
      <c r="D32" s="132">
        <v>2</v>
      </c>
      <c r="E32" s="133">
        <v>19</v>
      </c>
      <c r="F32" s="133">
        <v>62</v>
      </c>
      <c r="G32" s="134">
        <v>83</v>
      </c>
      <c r="H32" s="362"/>
      <c r="I32" s="417"/>
      <c r="J32" s="110" t="s">
        <v>13</v>
      </c>
      <c r="K32" s="121">
        <v>35</v>
      </c>
      <c r="L32" s="351">
        <v>16</v>
      </c>
      <c r="M32" s="352">
        <v>1</v>
      </c>
      <c r="N32" s="352">
        <v>4</v>
      </c>
      <c r="O32" s="353">
        <v>62</v>
      </c>
      <c r="P32" s="348">
        <v>83</v>
      </c>
    </row>
    <row r="33" spans="1:16" ht="19.95" customHeight="1" x14ac:dyDescent="0.2">
      <c r="A33" s="417"/>
      <c r="B33" s="110" t="s">
        <v>14</v>
      </c>
      <c r="C33" s="121">
        <v>21</v>
      </c>
      <c r="D33" s="132">
        <v>0</v>
      </c>
      <c r="E33" s="133">
        <v>29</v>
      </c>
      <c r="F33" s="133">
        <v>37</v>
      </c>
      <c r="G33" s="134">
        <v>66</v>
      </c>
      <c r="I33" s="417"/>
      <c r="J33" s="110" t="s">
        <v>14</v>
      </c>
      <c r="K33" s="121">
        <v>21</v>
      </c>
      <c r="L33" s="351">
        <v>11</v>
      </c>
      <c r="M33" s="352">
        <v>4</v>
      </c>
      <c r="N33" s="352">
        <v>2</v>
      </c>
      <c r="O33" s="353">
        <v>49</v>
      </c>
      <c r="P33" s="348">
        <v>66</v>
      </c>
    </row>
    <row r="34" spans="1:16" ht="19.95" customHeight="1" x14ac:dyDescent="0.2">
      <c r="A34" s="417"/>
      <c r="B34" s="110" t="s">
        <v>15</v>
      </c>
      <c r="C34" s="121">
        <v>26</v>
      </c>
      <c r="D34" s="135">
        <v>0</v>
      </c>
      <c r="E34" s="136">
        <v>13</v>
      </c>
      <c r="F34" s="136">
        <v>32</v>
      </c>
      <c r="G34" s="134">
        <v>45</v>
      </c>
      <c r="I34" s="417"/>
      <c r="J34" s="110" t="s">
        <v>15</v>
      </c>
      <c r="K34" s="121">
        <v>26</v>
      </c>
      <c r="L34" s="351">
        <v>13</v>
      </c>
      <c r="M34" s="352">
        <v>0</v>
      </c>
      <c r="N34" s="352">
        <v>2</v>
      </c>
      <c r="O34" s="353">
        <v>30</v>
      </c>
      <c r="P34" s="348">
        <v>45</v>
      </c>
    </row>
    <row r="35" spans="1:16" ht="19.95" customHeight="1" x14ac:dyDescent="0.2">
      <c r="A35" s="417"/>
      <c r="B35" s="111" t="s">
        <v>16</v>
      </c>
      <c r="C35" s="122">
        <v>21</v>
      </c>
      <c r="D35" s="135">
        <v>0</v>
      </c>
      <c r="E35" s="136">
        <v>7</v>
      </c>
      <c r="F35" s="136">
        <v>16</v>
      </c>
      <c r="G35" s="134">
        <v>23</v>
      </c>
      <c r="I35" s="417"/>
      <c r="J35" s="111" t="s">
        <v>16</v>
      </c>
      <c r="K35" s="122">
        <v>21</v>
      </c>
      <c r="L35" s="354">
        <v>3</v>
      </c>
      <c r="M35" s="355">
        <v>0</v>
      </c>
      <c r="N35" s="355">
        <v>3</v>
      </c>
      <c r="O35" s="356">
        <v>17</v>
      </c>
      <c r="P35" s="343">
        <v>23</v>
      </c>
    </row>
    <row r="36" spans="1:16" ht="19.95" customHeight="1" x14ac:dyDescent="0.2">
      <c r="A36" s="417"/>
      <c r="B36" s="111" t="s">
        <v>17</v>
      </c>
      <c r="C36" s="122">
        <v>15</v>
      </c>
      <c r="D36" s="135">
        <v>0</v>
      </c>
      <c r="E36" s="136">
        <v>5</v>
      </c>
      <c r="F36" s="136">
        <v>18</v>
      </c>
      <c r="G36" s="134">
        <v>23</v>
      </c>
      <c r="I36" s="417"/>
      <c r="J36" s="111" t="s">
        <v>17</v>
      </c>
      <c r="K36" s="122">
        <v>15</v>
      </c>
      <c r="L36" s="354">
        <v>3</v>
      </c>
      <c r="M36" s="355">
        <v>1</v>
      </c>
      <c r="N36" s="355">
        <v>0</v>
      </c>
      <c r="O36" s="356">
        <v>19</v>
      </c>
      <c r="P36" s="357">
        <v>23</v>
      </c>
    </row>
    <row r="37" spans="1:16" ht="19.95" customHeight="1" x14ac:dyDescent="0.2">
      <c r="A37" s="417"/>
      <c r="B37" s="111" t="s">
        <v>18</v>
      </c>
      <c r="C37" s="122">
        <v>30</v>
      </c>
      <c r="D37" s="135">
        <v>1</v>
      </c>
      <c r="E37" s="136">
        <v>13</v>
      </c>
      <c r="F37" s="136">
        <v>46</v>
      </c>
      <c r="G37" s="134">
        <v>60</v>
      </c>
      <c r="I37" s="417"/>
      <c r="J37" s="111" t="s">
        <v>18</v>
      </c>
      <c r="K37" s="122">
        <v>30</v>
      </c>
      <c r="L37" s="354">
        <v>7</v>
      </c>
      <c r="M37" s="355">
        <v>0</v>
      </c>
      <c r="N37" s="355">
        <v>4</v>
      </c>
      <c r="O37" s="356">
        <v>49</v>
      </c>
      <c r="P37" s="343">
        <v>60</v>
      </c>
    </row>
    <row r="38" spans="1:16" ht="19.95" customHeight="1" thickBot="1" x14ac:dyDescent="0.25">
      <c r="A38" s="417"/>
      <c r="B38" s="112" t="s">
        <v>19</v>
      </c>
      <c r="C38" s="123">
        <v>13</v>
      </c>
      <c r="D38" s="135">
        <v>0</v>
      </c>
      <c r="E38" s="136">
        <v>4</v>
      </c>
      <c r="F38" s="136">
        <v>5</v>
      </c>
      <c r="G38" s="137">
        <v>9</v>
      </c>
      <c r="I38" s="417"/>
      <c r="J38" s="112" t="s">
        <v>19</v>
      </c>
      <c r="K38" s="123">
        <v>13</v>
      </c>
      <c r="L38" s="358">
        <v>4</v>
      </c>
      <c r="M38" s="359">
        <v>0</v>
      </c>
      <c r="N38" s="359">
        <v>0</v>
      </c>
      <c r="O38" s="360">
        <v>5</v>
      </c>
      <c r="P38" s="347">
        <v>9</v>
      </c>
    </row>
    <row r="39" spans="1:16" ht="19.95" customHeight="1" thickTop="1" thickBot="1" x14ac:dyDescent="0.25">
      <c r="A39" s="417"/>
      <c r="B39" s="110" t="s">
        <v>7</v>
      </c>
      <c r="C39" s="121">
        <v>257</v>
      </c>
      <c r="D39" s="69">
        <v>4</v>
      </c>
      <c r="E39" s="69">
        <v>145</v>
      </c>
      <c r="F39" s="70">
        <v>354</v>
      </c>
      <c r="G39" s="71">
        <v>503</v>
      </c>
      <c r="I39" s="417"/>
      <c r="J39" s="110" t="s">
        <v>7</v>
      </c>
      <c r="K39" s="121">
        <v>257</v>
      </c>
      <c r="L39" s="61">
        <v>91</v>
      </c>
      <c r="M39" s="62">
        <v>12</v>
      </c>
      <c r="N39" s="62">
        <v>24</v>
      </c>
      <c r="O39" s="64">
        <v>376</v>
      </c>
      <c r="P39" s="378">
        <v>503</v>
      </c>
    </row>
    <row r="40" spans="1:16" ht="19.95" customHeight="1" thickTop="1" thickBot="1" x14ac:dyDescent="0.25">
      <c r="A40" s="418"/>
      <c r="B40" s="124"/>
      <c r="C40" s="125" t="s">
        <v>72</v>
      </c>
      <c r="D40" s="72">
        <v>7.9522862823061622E-3</v>
      </c>
      <c r="E40" s="73">
        <v>0.28827037773359843</v>
      </c>
      <c r="F40" s="74">
        <v>0.70377733598409542</v>
      </c>
      <c r="G40" s="75">
        <v>1</v>
      </c>
      <c r="I40" s="418"/>
      <c r="J40" s="124"/>
      <c r="K40" s="125" t="s">
        <v>72</v>
      </c>
      <c r="L40" s="28">
        <v>0.18091451292246521</v>
      </c>
      <c r="M40" s="24">
        <v>2.3856858846918488E-2</v>
      </c>
      <c r="N40" s="24">
        <v>4.7713717693836977E-2</v>
      </c>
      <c r="O40" s="37">
        <v>0.74751491053677932</v>
      </c>
      <c r="P40" s="77">
        <v>1</v>
      </c>
    </row>
    <row r="41" spans="1:16" ht="19.95" customHeight="1" x14ac:dyDescent="0.2">
      <c r="A41" s="106"/>
      <c r="C41" s="106"/>
      <c r="D41" s="373"/>
      <c r="E41" s="373"/>
      <c r="F41" s="373"/>
      <c r="G41" s="373"/>
    </row>
    <row r="42" spans="1:16" ht="19.95" customHeight="1" thickBot="1" x14ac:dyDescent="0.25">
      <c r="A42" s="88" t="s">
        <v>183</v>
      </c>
      <c r="C42" s="22"/>
    </row>
    <row r="43" spans="1:16" ht="30" customHeight="1" thickBot="1" x14ac:dyDescent="0.25">
      <c r="A43" s="115"/>
      <c r="B43" s="117" t="s">
        <v>86</v>
      </c>
      <c r="C43" s="365" t="s">
        <v>233</v>
      </c>
      <c r="D43" s="138" t="s">
        <v>176</v>
      </c>
      <c r="E43" s="118" t="s">
        <v>95</v>
      </c>
      <c r="F43" s="139" t="s">
        <v>96</v>
      </c>
      <c r="G43" s="116" t="s">
        <v>48</v>
      </c>
      <c r="H43" s="140" t="s">
        <v>2</v>
      </c>
      <c r="I43" s="141" t="s">
        <v>52</v>
      </c>
    </row>
    <row r="44" spans="1:16" ht="19.95" customHeight="1" thickTop="1" x14ac:dyDescent="0.2">
      <c r="A44" s="419" t="s">
        <v>21</v>
      </c>
      <c r="B44" s="379">
        <v>95</v>
      </c>
      <c r="C44" s="142">
        <v>16</v>
      </c>
      <c r="D44" s="143">
        <v>3</v>
      </c>
      <c r="E44" s="143">
        <v>6</v>
      </c>
      <c r="F44" s="143">
        <v>2</v>
      </c>
      <c r="G44" s="143">
        <v>4</v>
      </c>
      <c r="H44" s="144">
        <v>6</v>
      </c>
      <c r="I44" s="145">
        <v>37</v>
      </c>
    </row>
    <row r="45" spans="1:16" ht="19.95" customHeight="1" thickBot="1" x14ac:dyDescent="0.25">
      <c r="A45" s="418"/>
      <c r="B45" s="380" t="s">
        <v>72</v>
      </c>
      <c r="C45" s="23">
        <v>0.43243243243243246</v>
      </c>
      <c r="D45" s="24">
        <v>8.1081081081081086E-2</v>
      </c>
      <c r="E45" s="24">
        <v>0.16216216216216217</v>
      </c>
      <c r="F45" s="24">
        <v>5.4054054054054057E-2</v>
      </c>
      <c r="G45" s="24">
        <v>0.10810810810810811</v>
      </c>
      <c r="H45" s="37">
        <v>0.16216216216216217</v>
      </c>
      <c r="I45" s="77">
        <v>1</v>
      </c>
    </row>
    <row r="46" spans="1:16" ht="19.95" customHeight="1" x14ac:dyDescent="0.2">
      <c r="A46" s="417" t="s">
        <v>22</v>
      </c>
      <c r="B46" s="379">
        <v>257</v>
      </c>
      <c r="C46" s="142">
        <v>18</v>
      </c>
      <c r="D46" s="143">
        <v>13</v>
      </c>
      <c r="E46" s="143">
        <v>35</v>
      </c>
      <c r="F46" s="143">
        <v>2</v>
      </c>
      <c r="G46" s="143">
        <v>11</v>
      </c>
      <c r="H46" s="144">
        <v>12</v>
      </c>
      <c r="I46" s="381">
        <v>91</v>
      </c>
    </row>
    <row r="47" spans="1:16" ht="19.95" customHeight="1" thickBot="1" x14ac:dyDescent="0.25">
      <c r="A47" s="418"/>
      <c r="B47" s="380" t="s">
        <v>72</v>
      </c>
      <c r="C47" s="23">
        <v>0.19780219780219779</v>
      </c>
      <c r="D47" s="24">
        <v>0.14285714285714285</v>
      </c>
      <c r="E47" s="24">
        <v>0.38461538461538464</v>
      </c>
      <c r="F47" s="24">
        <v>2.197802197802198E-2</v>
      </c>
      <c r="G47" s="24">
        <v>0.12087912087912088</v>
      </c>
      <c r="H47" s="37">
        <v>0.13186813186813187</v>
      </c>
      <c r="I47" s="77">
        <v>1</v>
      </c>
    </row>
  </sheetData>
  <mergeCells count="10">
    <mergeCell ref="A5:A10"/>
    <mergeCell ref="I5:I10"/>
    <mergeCell ref="A44:A45"/>
    <mergeCell ref="A46:A47"/>
    <mergeCell ref="A11:A17"/>
    <mergeCell ref="I11:I17"/>
    <mergeCell ref="A21:A30"/>
    <mergeCell ref="I21:I30"/>
    <mergeCell ref="A31:A40"/>
    <mergeCell ref="I31:I40"/>
  </mergeCells>
  <phoneticPr fontId="9"/>
  <pageMargins left="0.59055118110236227" right="0.39370078740157483" top="0.55118110236220474" bottom="0.35433070866141736" header="0.31496062992125984" footer="0.31496062992125984"/>
  <pageSetup paperSize="9" scale="59" fitToHeight="0" orientation="landscape" r:id="rId1"/>
  <headerFooter scaleWithDoc="0" alignWithMargins="0">
    <oddFooter>&amp;C&amp;P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48"/>
  <sheetViews>
    <sheetView view="pageBreakPreview" zoomScale="80" zoomScaleNormal="80" zoomScaleSheetLayoutView="80" workbookViewId="0"/>
  </sheetViews>
  <sheetFormatPr defaultColWidth="14.77734375" defaultRowHeight="19.95" customHeight="1" x14ac:dyDescent="0.2"/>
  <cols>
    <col min="1" max="10" width="14.77734375" style="88" customWidth="1"/>
    <col min="11" max="22" width="10.77734375" style="88" customWidth="1"/>
    <col min="23" max="16384" width="14.77734375" style="88"/>
  </cols>
  <sheetData>
    <row r="1" spans="1:7" ht="19.95" customHeight="1" x14ac:dyDescent="0.2">
      <c r="A1" s="79" t="s">
        <v>184</v>
      </c>
      <c r="E1" s="11"/>
    </row>
    <row r="2" spans="1:7" ht="12" customHeight="1" x14ac:dyDescent="0.2">
      <c r="E2" s="11"/>
    </row>
    <row r="3" spans="1:7" ht="19.95" customHeight="1" thickBot="1" x14ac:dyDescent="0.25">
      <c r="A3" s="88" t="s">
        <v>217</v>
      </c>
    </row>
    <row r="4" spans="1:7" ht="19.95" customHeight="1" thickBot="1" x14ac:dyDescent="0.25">
      <c r="A4" s="150"/>
      <c r="B4" s="370" t="s">
        <v>82</v>
      </c>
      <c r="C4" s="367" t="s">
        <v>8</v>
      </c>
      <c r="D4" s="116" t="s">
        <v>9</v>
      </c>
      <c r="E4" s="116" t="s">
        <v>10</v>
      </c>
      <c r="F4" s="128" t="s">
        <v>11</v>
      </c>
      <c r="G4" s="129" t="s">
        <v>32</v>
      </c>
    </row>
    <row r="5" spans="1:7" ht="19.95" customHeight="1" thickTop="1" x14ac:dyDescent="0.2">
      <c r="A5" s="423" t="s">
        <v>185</v>
      </c>
      <c r="B5" s="151" t="s">
        <v>30</v>
      </c>
      <c r="C5" s="152">
        <v>1</v>
      </c>
      <c r="D5" s="153">
        <v>1</v>
      </c>
      <c r="E5" s="62">
        <v>103</v>
      </c>
      <c r="F5" s="154">
        <v>14</v>
      </c>
      <c r="G5" s="65">
        <v>119</v>
      </c>
    </row>
    <row r="6" spans="1:7" ht="19.95" customHeight="1" thickBot="1" x14ac:dyDescent="0.25">
      <c r="A6" s="424"/>
      <c r="B6" s="155" t="s">
        <v>31</v>
      </c>
      <c r="C6" s="156">
        <v>0</v>
      </c>
      <c r="D6" s="157">
        <v>0</v>
      </c>
      <c r="E6" s="158">
        <v>119</v>
      </c>
      <c r="F6" s="159">
        <v>34</v>
      </c>
      <c r="G6" s="66">
        <v>153</v>
      </c>
    </row>
    <row r="7" spans="1:7" ht="19.95" customHeight="1" thickTop="1" thickBot="1" x14ac:dyDescent="0.25">
      <c r="A7" s="425"/>
      <c r="B7" s="160" t="s">
        <v>171</v>
      </c>
      <c r="C7" s="161">
        <v>1</v>
      </c>
      <c r="D7" s="161">
        <v>1</v>
      </c>
      <c r="E7" s="161">
        <v>222</v>
      </c>
      <c r="F7" s="161">
        <v>48</v>
      </c>
      <c r="G7" s="67">
        <v>272</v>
      </c>
    </row>
    <row r="8" spans="1:7" ht="19.95" customHeight="1" x14ac:dyDescent="0.2">
      <c r="A8" s="423" t="s">
        <v>186</v>
      </c>
      <c r="B8" s="151" t="s">
        <v>30</v>
      </c>
      <c r="C8" s="152">
        <v>0</v>
      </c>
      <c r="D8" s="153">
        <v>0</v>
      </c>
      <c r="E8" s="62">
        <v>159</v>
      </c>
      <c r="F8" s="154">
        <v>31</v>
      </c>
      <c r="G8" s="65">
        <v>190</v>
      </c>
    </row>
    <row r="9" spans="1:7" ht="19.95" customHeight="1" thickBot="1" x14ac:dyDescent="0.25">
      <c r="A9" s="424"/>
      <c r="B9" s="155" t="s">
        <v>31</v>
      </c>
      <c r="C9" s="156">
        <v>0</v>
      </c>
      <c r="D9" s="157">
        <v>0</v>
      </c>
      <c r="E9" s="158">
        <v>282</v>
      </c>
      <c r="F9" s="159">
        <v>59</v>
      </c>
      <c r="G9" s="66">
        <v>341</v>
      </c>
    </row>
    <row r="10" spans="1:7" ht="19.95" customHeight="1" thickTop="1" thickBot="1" x14ac:dyDescent="0.25">
      <c r="A10" s="425"/>
      <c r="B10" s="160" t="s">
        <v>171</v>
      </c>
      <c r="C10" s="161">
        <v>0</v>
      </c>
      <c r="D10" s="161">
        <v>0</v>
      </c>
      <c r="E10" s="161">
        <v>441</v>
      </c>
      <c r="F10" s="161">
        <v>90</v>
      </c>
      <c r="G10" s="67">
        <v>531</v>
      </c>
    </row>
    <row r="11" spans="1:7" ht="12" customHeight="1" x14ac:dyDescent="0.2">
      <c r="E11" s="11"/>
    </row>
    <row r="12" spans="1:7" ht="19.95" customHeight="1" thickBot="1" x14ac:dyDescent="0.25">
      <c r="A12" s="88" t="s">
        <v>218</v>
      </c>
    </row>
    <row r="13" spans="1:7" ht="19.95" customHeight="1" thickBot="1" x14ac:dyDescent="0.25">
      <c r="A13" s="150"/>
      <c r="B13" s="370" t="s">
        <v>82</v>
      </c>
      <c r="C13" s="367" t="s">
        <v>8</v>
      </c>
      <c r="D13" s="116" t="s">
        <v>9</v>
      </c>
      <c r="E13" s="116" t="s">
        <v>10</v>
      </c>
      <c r="F13" s="128" t="s">
        <v>11</v>
      </c>
      <c r="G13" s="129" t="s">
        <v>32</v>
      </c>
    </row>
    <row r="14" spans="1:7" ht="19.95" customHeight="1" thickTop="1" x14ac:dyDescent="0.2">
      <c r="A14" s="423" t="s">
        <v>185</v>
      </c>
      <c r="B14" s="151" t="s">
        <v>30</v>
      </c>
      <c r="C14" s="152">
        <v>0</v>
      </c>
      <c r="D14" s="153">
        <v>0</v>
      </c>
      <c r="E14" s="62">
        <v>15</v>
      </c>
      <c r="F14" s="154">
        <v>3</v>
      </c>
      <c r="G14" s="65">
        <v>18</v>
      </c>
    </row>
    <row r="15" spans="1:7" ht="19.95" customHeight="1" thickBot="1" x14ac:dyDescent="0.25">
      <c r="A15" s="424"/>
      <c r="B15" s="155" t="s">
        <v>31</v>
      </c>
      <c r="C15" s="156">
        <v>0</v>
      </c>
      <c r="D15" s="157">
        <v>0</v>
      </c>
      <c r="E15" s="158">
        <v>10</v>
      </c>
      <c r="F15" s="159">
        <v>8</v>
      </c>
      <c r="G15" s="68">
        <v>18</v>
      </c>
    </row>
    <row r="16" spans="1:7" ht="19.95" customHeight="1" thickTop="1" thickBot="1" x14ac:dyDescent="0.25">
      <c r="A16" s="425"/>
      <c r="B16" s="160" t="s">
        <v>171</v>
      </c>
      <c r="C16" s="161">
        <v>0</v>
      </c>
      <c r="D16" s="172">
        <v>0</v>
      </c>
      <c r="E16" s="316">
        <v>25</v>
      </c>
      <c r="F16" s="173">
        <v>11</v>
      </c>
      <c r="G16" s="67">
        <v>36</v>
      </c>
    </row>
    <row r="17" spans="1:9" ht="19.95" customHeight="1" x14ac:dyDescent="0.2">
      <c r="A17" s="426" t="s">
        <v>186</v>
      </c>
      <c r="B17" s="364" t="s">
        <v>30</v>
      </c>
      <c r="C17" s="317">
        <v>0</v>
      </c>
      <c r="D17" s="318">
        <v>0</v>
      </c>
      <c r="E17" s="319">
        <v>23</v>
      </c>
      <c r="F17" s="320">
        <v>6</v>
      </c>
      <c r="G17" s="321">
        <v>29</v>
      </c>
    </row>
    <row r="18" spans="1:9" ht="19.95" customHeight="1" thickBot="1" x14ac:dyDescent="0.25">
      <c r="A18" s="424"/>
      <c r="B18" s="155" t="s">
        <v>31</v>
      </c>
      <c r="C18" s="156">
        <v>0</v>
      </c>
      <c r="D18" s="157">
        <v>0</v>
      </c>
      <c r="E18" s="158">
        <v>23</v>
      </c>
      <c r="F18" s="159">
        <v>15</v>
      </c>
      <c r="G18" s="68">
        <v>38</v>
      </c>
    </row>
    <row r="19" spans="1:9" ht="19.95" customHeight="1" thickTop="1" thickBot="1" x14ac:dyDescent="0.25">
      <c r="A19" s="425"/>
      <c r="B19" s="160" t="s">
        <v>171</v>
      </c>
      <c r="C19" s="161">
        <v>0</v>
      </c>
      <c r="D19" s="172">
        <v>0</v>
      </c>
      <c r="E19" s="316">
        <v>46</v>
      </c>
      <c r="F19" s="173">
        <v>21</v>
      </c>
      <c r="G19" s="67">
        <v>67</v>
      </c>
    </row>
    <row r="20" spans="1:9" ht="12" customHeight="1" x14ac:dyDescent="0.2">
      <c r="E20" s="11"/>
    </row>
    <row r="21" spans="1:9" ht="19.95" customHeight="1" thickBot="1" x14ac:dyDescent="0.25">
      <c r="A21" s="88" t="s">
        <v>219</v>
      </c>
    </row>
    <row r="22" spans="1:9" ht="32.4" customHeight="1" thickBot="1" x14ac:dyDescent="0.25">
      <c r="A22" s="416"/>
      <c r="B22" s="420"/>
      <c r="C22" s="140" t="s">
        <v>83</v>
      </c>
      <c r="D22" s="118" t="s">
        <v>33</v>
      </c>
      <c r="E22" s="118" t="s">
        <v>84</v>
      </c>
      <c r="F22" s="118" t="s">
        <v>85</v>
      </c>
      <c r="G22" s="118" t="s">
        <v>47</v>
      </c>
      <c r="H22" s="118" t="s">
        <v>2</v>
      </c>
      <c r="I22" s="162" t="s">
        <v>52</v>
      </c>
    </row>
    <row r="23" spans="1:9" ht="19.95" customHeight="1" thickTop="1" x14ac:dyDescent="0.2">
      <c r="A23" s="421" t="s">
        <v>21</v>
      </c>
      <c r="B23" s="130" t="s">
        <v>0</v>
      </c>
      <c r="C23" s="163">
        <v>109</v>
      </c>
      <c r="D23" s="164">
        <v>36</v>
      </c>
      <c r="E23" s="164">
        <v>6</v>
      </c>
      <c r="F23" s="164">
        <v>6</v>
      </c>
      <c r="G23" s="164">
        <v>84</v>
      </c>
      <c r="H23" s="164">
        <v>31</v>
      </c>
      <c r="I23" s="165">
        <v>272</v>
      </c>
    </row>
    <row r="24" spans="1:9" ht="19.95" customHeight="1" thickBot="1" x14ac:dyDescent="0.25">
      <c r="A24" s="422"/>
      <c r="B24" s="166" t="s">
        <v>72</v>
      </c>
      <c r="C24" s="19">
        <v>0.40073529411764708</v>
      </c>
      <c r="D24" s="19">
        <v>0.13235294117647059</v>
      </c>
      <c r="E24" s="20">
        <v>2.2058823529411766E-2</v>
      </c>
      <c r="F24" s="20">
        <v>2.2058823529411766E-2</v>
      </c>
      <c r="G24" s="20">
        <v>0.30882352941176472</v>
      </c>
      <c r="H24" s="20">
        <v>0.11397058823529412</v>
      </c>
      <c r="I24" s="21">
        <v>1</v>
      </c>
    </row>
    <row r="25" spans="1:9" ht="19.95" customHeight="1" x14ac:dyDescent="0.2">
      <c r="A25" s="421" t="s">
        <v>22</v>
      </c>
      <c r="B25" s="167" t="s">
        <v>0</v>
      </c>
      <c r="C25" s="168">
        <v>177</v>
      </c>
      <c r="D25" s="164">
        <v>97</v>
      </c>
      <c r="E25" s="164">
        <v>19</v>
      </c>
      <c r="F25" s="164">
        <v>7</v>
      </c>
      <c r="G25" s="164">
        <v>128</v>
      </c>
      <c r="H25" s="164">
        <v>103</v>
      </c>
      <c r="I25" s="165">
        <v>531</v>
      </c>
    </row>
    <row r="26" spans="1:9" ht="19.95" customHeight="1" thickBot="1" x14ac:dyDescent="0.25">
      <c r="A26" s="422"/>
      <c r="B26" s="166" t="s">
        <v>72</v>
      </c>
      <c r="C26" s="20">
        <v>0.33333333333333331</v>
      </c>
      <c r="D26" s="20">
        <v>0.18267419962335216</v>
      </c>
      <c r="E26" s="20">
        <v>3.5781544256120526E-2</v>
      </c>
      <c r="F26" s="20">
        <v>1.3182674199623353E-2</v>
      </c>
      <c r="G26" s="20">
        <v>0.24105461393596986</v>
      </c>
      <c r="H26" s="20">
        <v>0.19397363465160075</v>
      </c>
      <c r="I26" s="21">
        <v>1</v>
      </c>
    </row>
    <row r="28" spans="1:9" ht="19.95" customHeight="1" x14ac:dyDescent="0.2">
      <c r="A28" s="79" t="s">
        <v>220</v>
      </c>
    </row>
    <row r="29" spans="1:9" ht="12" customHeight="1" x14ac:dyDescent="0.2">
      <c r="E29" s="11"/>
    </row>
    <row r="30" spans="1:9" ht="19.95" customHeight="1" thickBot="1" x14ac:dyDescent="0.25">
      <c r="A30" s="88" t="s">
        <v>221</v>
      </c>
      <c r="G30" s="90"/>
    </row>
    <row r="31" spans="1:9" ht="19.95" customHeight="1" thickBot="1" x14ac:dyDescent="0.25">
      <c r="A31" s="169"/>
      <c r="B31" s="367" t="s">
        <v>97</v>
      </c>
      <c r="C31" s="116" t="s">
        <v>187</v>
      </c>
      <c r="D31" s="116" t="s">
        <v>98</v>
      </c>
      <c r="E31" s="128" t="s">
        <v>99</v>
      </c>
      <c r="F31" s="129" t="s">
        <v>34</v>
      </c>
    </row>
    <row r="32" spans="1:9" ht="19.95" customHeight="1" thickTop="1" x14ac:dyDescent="0.2">
      <c r="A32" s="368" t="s">
        <v>21</v>
      </c>
      <c r="B32" s="152">
        <v>0</v>
      </c>
      <c r="C32" s="153">
        <v>0</v>
      </c>
      <c r="D32" s="153">
        <v>3</v>
      </c>
      <c r="E32" s="154">
        <v>0</v>
      </c>
      <c r="F32" s="170">
        <v>3</v>
      </c>
    </row>
    <row r="33" spans="1:11" ht="19.95" customHeight="1" thickBot="1" x14ac:dyDescent="0.25">
      <c r="A33" s="369" t="s">
        <v>22</v>
      </c>
      <c r="B33" s="393">
        <v>0</v>
      </c>
      <c r="C33" s="394">
        <v>0</v>
      </c>
      <c r="D33" s="394">
        <v>5</v>
      </c>
      <c r="E33" s="395">
        <v>3</v>
      </c>
      <c r="F33" s="396">
        <v>8</v>
      </c>
    </row>
    <row r="34" spans="1:11" ht="12" customHeight="1" x14ac:dyDescent="0.2">
      <c r="E34" s="11"/>
    </row>
    <row r="35" spans="1:11" ht="19.95" customHeight="1" thickBot="1" x14ac:dyDescent="0.25">
      <c r="A35" s="88" t="s">
        <v>188</v>
      </c>
      <c r="E35" s="83" t="s">
        <v>157</v>
      </c>
      <c r="J35" s="106"/>
    </row>
    <row r="36" spans="1:11" ht="19.95" customHeight="1" thickBot="1" x14ac:dyDescent="0.25">
      <c r="A36" s="169"/>
      <c r="B36" s="367" t="s">
        <v>100</v>
      </c>
      <c r="C36" s="116" t="s">
        <v>101</v>
      </c>
      <c r="D36" s="116" t="s">
        <v>102</v>
      </c>
      <c r="E36" s="128" t="s">
        <v>160</v>
      </c>
      <c r="F36" s="128" t="s">
        <v>161</v>
      </c>
      <c r="G36" s="129" t="s">
        <v>34</v>
      </c>
    </row>
    <row r="37" spans="1:11" ht="19.95" customHeight="1" thickTop="1" x14ac:dyDescent="0.2">
      <c r="A37" s="368" t="s">
        <v>21</v>
      </c>
      <c r="B37" s="152">
        <v>0</v>
      </c>
      <c r="C37" s="153">
        <v>0</v>
      </c>
      <c r="D37" s="153">
        <v>0</v>
      </c>
      <c r="E37" s="154">
        <v>0</v>
      </c>
      <c r="F37" s="154">
        <v>1</v>
      </c>
      <c r="G37" s="170">
        <v>1</v>
      </c>
    </row>
    <row r="38" spans="1:11" ht="19.95" customHeight="1" thickBot="1" x14ac:dyDescent="0.25">
      <c r="A38" s="369" t="s">
        <v>22</v>
      </c>
      <c r="B38" s="393">
        <v>0</v>
      </c>
      <c r="C38" s="394">
        <v>0</v>
      </c>
      <c r="D38" s="394">
        <v>0</v>
      </c>
      <c r="E38" s="395">
        <v>0</v>
      </c>
      <c r="F38" s="395">
        <v>2</v>
      </c>
      <c r="G38" s="396">
        <v>2</v>
      </c>
    </row>
    <row r="39" spans="1:11" ht="12" customHeight="1" x14ac:dyDescent="0.2">
      <c r="E39" s="11"/>
    </row>
    <row r="40" spans="1:11" ht="19.95" customHeight="1" thickBot="1" x14ac:dyDescent="0.25">
      <c r="A40" s="88" t="s">
        <v>189</v>
      </c>
      <c r="E40" s="83" t="s">
        <v>158</v>
      </c>
      <c r="H40" s="88" t="s">
        <v>105</v>
      </c>
    </row>
    <row r="41" spans="1:11" ht="19.95" customHeight="1" thickBot="1" x14ac:dyDescent="0.25">
      <c r="A41" s="169"/>
      <c r="B41" s="367" t="s">
        <v>103</v>
      </c>
      <c r="C41" s="174" t="s">
        <v>104</v>
      </c>
      <c r="D41" s="116" t="s">
        <v>106</v>
      </c>
      <c r="E41" s="128" t="s">
        <v>48</v>
      </c>
      <c r="F41" s="129" t="s">
        <v>34</v>
      </c>
      <c r="H41" s="382" t="s">
        <v>234</v>
      </c>
      <c r="I41" s="322"/>
      <c r="J41" s="322"/>
      <c r="K41" s="323"/>
    </row>
    <row r="42" spans="1:11" ht="19.95" customHeight="1" thickTop="1" x14ac:dyDescent="0.2">
      <c r="A42" s="368" t="s">
        <v>21</v>
      </c>
      <c r="B42" s="152">
        <v>40</v>
      </c>
      <c r="C42" s="153">
        <v>32</v>
      </c>
      <c r="D42" s="153">
        <v>8</v>
      </c>
      <c r="E42" s="154">
        <v>3</v>
      </c>
      <c r="F42" s="170">
        <v>83</v>
      </c>
      <c r="H42" s="383" t="s">
        <v>235</v>
      </c>
      <c r="I42" s="315"/>
      <c r="J42" s="315"/>
      <c r="K42" s="177"/>
    </row>
    <row r="43" spans="1:11" ht="19.95" customHeight="1" thickBot="1" x14ac:dyDescent="0.25">
      <c r="A43" s="369" t="s">
        <v>22</v>
      </c>
      <c r="B43" s="393">
        <v>67</v>
      </c>
      <c r="C43" s="394">
        <v>132</v>
      </c>
      <c r="D43" s="394">
        <v>28</v>
      </c>
      <c r="E43" s="395">
        <v>4</v>
      </c>
      <c r="F43" s="396">
        <v>231</v>
      </c>
      <c r="H43" s="384" t="s">
        <v>256</v>
      </c>
      <c r="I43" s="178"/>
      <c r="J43" s="178"/>
      <c r="K43" s="179"/>
    </row>
    <row r="44" spans="1:11" ht="12" customHeight="1" x14ac:dyDescent="0.2">
      <c r="E44" s="11"/>
    </row>
    <row r="45" spans="1:11" ht="19.95" customHeight="1" thickBot="1" x14ac:dyDescent="0.25">
      <c r="A45" s="88" t="s">
        <v>190</v>
      </c>
      <c r="E45" s="83" t="s">
        <v>159</v>
      </c>
    </row>
    <row r="46" spans="1:11" s="181" customFormat="1" ht="19.95" customHeight="1" thickBot="1" x14ac:dyDescent="0.25">
      <c r="A46" s="180"/>
      <c r="B46" s="127" t="s">
        <v>107</v>
      </c>
      <c r="C46" s="118" t="s">
        <v>108</v>
      </c>
      <c r="D46" s="138" t="s">
        <v>109</v>
      </c>
      <c r="E46" s="138" t="s">
        <v>191</v>
      </c>
      <c r="F46" s="138" t="s">
        <v>110</v>
      </c>
      <c r="G46" s="138" t="s">
        <v>192</v>
      </c>
      <c r="H46" s="138" t="s">
        <v>111</v>
      </c>
      <c r="I46" s="162" t="s">
        <v>48</v>
      </c>
    </row>
    <row r="47" spans="1:11" s="106" customFormat="1" ht="19.95" customHeight="1" thickTop="1" x14ac:dyDescent="0.2">
      <c r="A47" s="368" t="s">
        <v>21</v>
      </c>
      <c r="B47" s="182">
        <v>75</v>
      </c>
      <c r="C47" s="183">
        <v>30</v>
      </c>
      <c r="D47" s="183">
        <v>58</v>
      </c>
      <c r="E47" s="183">
        <v>43</v>
      </c>
      <c r="F47" s="183">
        <v>25</v>
      </c>
      <c r="G47" s="183">
        <v>23</v>
      </c>
      <c r="H47" s="183">
        <v>59</v>
      </c>
      <c r="I47" s="184">
        <v>5</v>
      </c>
    </row>
    <row r="48" spans="1:11" s="106" customFormat="1" ht="19.95" customHeight="1" thickBot="1" x14ac:dyDescent="0.25">
      <c r="A48" s="369" t="s">
        <v>22</v>
      </c>
      <c r="B48" s="397">
        <v>184</v>
      </c>
      <c r="C48" s="398">
        <v>67</v>
      </c>
      <c r="D48" s="398">
        <v>191</v>
      </c>
      <c r="E48" s="398">
        <v>129</v>
      </c>
      <c r="F48" s="398">
        <v>110</v>
      </c>
      <c r="G48" s="398">
        <v>52</v>
      </c>
      <c r="H48" s="398">
        <v>165</v>
      </c>
      <c r="I48" s="399">
        <v>16</v>
      </c>
    </row>
  </sheetData>
  <mergeCells count="7">
    <mergeCell ref="A22:B22"/>
    <mergeCell ref="A23:A24"/>
    <mergeCell ref="A25:A26"/>
    <mergeCell ref="A5:A7"/>
    <mergeCell ref="A8:A10"/>
    <mergeCell ref="A14:A16"/>
    <mergeCell ref="A17:A19"/>
  </mergeCells>
  <phoneticPr fontId="9"/>
  <pageMargins left="0.9055118110236221" right="0.31496062992125984" top="0.35433070866141736" bottom="0.55118110236220474" header="0.31496062992125984" footer="0.31496062992125984"/>
  <pageSetup paperSize="9" scale="62" fitToWidth="0" orientation="landscape" r:id="rId1"/>
  <headerFooter scaleWithDoc="0" alignWithMargins="0">
    <oddFooter>&amp;C&amp;P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3"/>
  <sheetViews>
    <sheetView view="pageBreakPreview" zoomScale="80" zoomScaleNormal="80" zoomScaleSheetLayoutView="80" workbookViewId="0"/>
  </sheetViews>
  <sheetFormatPr defaultColWidth="14.77734375" defaultRowHeight="19.95" customHeight="1" x14ac:dyDescent="0.2"/>
  <cols>
    <col min="1" max="1" width="14.77734375" style="88" customWidth="1"/>
    <col min="2" max="16384" width="14.77734375" style="88"/>
  </cols>
  <sheetData>
    <row r="1" spans="1:12" ht="19.95" customHeight="1" x14ac:dyDescent="0.2">
      <c r="A1" s="79" t="s">
        <v>222</v>
      </c>
    </row>
    <row r="3" spans="1:12" ht="19.95" customHeight="1" thickBot="1" x14ac:dyDescent="0.25">
      <c r="A3" s="88" t="s">
        <v>196</v>
      </c>
      <c r="F3" s="83" t="s">
        <v>49</v>
      </c>
      <c r="J3" s="88" t="s">
        <v>153</v>
      </c>
    </row>
    <row r="4" spans="1:12" ht="28.2" customHeight="1" thickBot="1" x14ac:dyDescent="0.25">
      <c r="A4" s="185"/>
      <c r="B4" s="440" t="s">
        <v>112</v>
      </c>
      <c r="C4" s="440"/>
      <c r="D4" s="441"/>
      <c r="E4" s="186" t="s">
        <v>126</v>
      </c>
      <c r="F4" s="187" t="s">
        <v>87</v>
      </c>
      <c r="G4" s="188" t="s">
        <v>125</v>
      </c>
      <c r="H4" s="189" t="s">
        <v>87</v>
      </c>
      <c r="I4" s="190"/>
      <c r="J4" s="385" t="s">
        <v>237</v>
      </c>
      <c r="K4" s="191"/>
      <c r="L4" s="192"/>
    </row>
    <row r="5" spans="1:12" ht="19.95" customHeight="1" x14ac:dyDescent="0.2">
      <c r="A5" s="437" t="s">
        <v>151</v>
      </c>
      <c r="B5" s="430" t="s">
        <v>113</v>
      </c>
      <c r="C5" s="193" t="s">
        <v>114</v>
      </c>
      <c r="D5" s="194"/>
      <c r="E5" s="195">
        <v>53</v>
      </c>
      <c r="F5" s="29">
        <v>0.18402777777777779</v>
      </c>
      <c r="G5" s="196">
        <v>24</v>
      </c>
      <c r="H5" s="33">
        <v>9.4117647058823528E-2</v>
      </c>
      <c r="J5" s="386" t="s">
        <v>236</v>
      </c>
      <c r="K5" s="197"/>
      <c r="L5" s="198"/>
    </row>
    <row r="6" spans="1:12" ht="19.95" customHeight="1" x14ac:dyDescent="0.2">
      <c r="A6" s="438"/>
      <c r="B6" s="430"/>
      <c r="C6" s="199" t="s">
        <v>115</v>
      </c>
      <c r="D6" s="200"/>
      <c r="E6" s="201">
        <v>43</v>
      </c>
      <c r="F6" s="30">
        <v>0.14930555555555555</v>
      </c>
      <c r="G6" s="202">
        <v>31</v>
      </c>
      <c r="H6" s="34">
        <v>0.12156862745098039</v>
      </c>
      <c r="J6" s="387"/>
      <c r="K6" s="197"/>
      <c r="L6" s="198"/>
    </row>
    <row r="7" spans="1:12" ht="19.95" customHeight="1" x14ac:dyDescent="0.2">
      <c r="A7" s="438"/>
      <c r="B7" s="430"/>
      <c r="C7" s="199" t="s">
        <v>116</v>
      </c>
      <c r="D7" s="200"/>
      <c r="E7" s="201">
        <v>3</v>
      </c>
      <c r="F7" s="30">
        <v>1.0416666666666666E-2</v>
      </c>
      <c r="G7" s="202">
        <v>1</v>
      </c>
      <c r="H7" s="34">
        <v>3.9215686274509803E-3</v>
      </c>
      <c r="J7" s="388"/>
      <c r="K7" s="203"/>
      <c r="L7" s="204"/>
    </row>
    <row r="8" spans="1:12" ht="19.95" customHeight="1" x14ac:dyDescent="0.2">
      <c r="A8" s="438"/>
      <c r="B8" s="430"/>
      <c r="C8" s="199" t="s">
        <v>117</v>
      </c>
      <c r="D8" s="200"/>
      <c r="E8" s="201">
        <v>17</v>
      </c>
      <c r="F8" s="30">
        <v>5.9027777777777776E-2</v>
      </c>
      <c r="G8" s="202">
        <v>11</v>
      </c>
      <c r="H8" s="34">
        <v>4.3137254901960784E-2</v>
      </c>
    </row>
    <row r="9" spans="1:12" ht="19.95" customHeight="1" x14ac:dyDescent="0.2">
      <c r="A9" s="438"/>
      <c r="B9" s="430"/>
      <c r="C9" s="199" t="s">
        <v>118</v>
      </c>
      <c r="D9" s="200"/>
      <c r="E9" s="201">
        <v>36</v>
      </c>
      <c r="F9" s="30">
        <v>0.125</v>
      </c>
      <c r="G9" s="202">
        <v>14</v>
      </c>
      <c r="H9" s="34">
        <v>5.4901960784313725E-2</v>
      </c>
      <c r="J9" s="88" t="s">
        <v>154</v>
      </c>
    </row>
    <row r="10" spans="1:12" ht="19.95" customHeight="1" x14ac:dyDescent="0.2">
      <c r="A10" s="438"/>
      <c r="B10" s="430"/>
      <c r="C10" s="199" t="s">
        <v>119</v>
      </c>
      <c r="D10" s="200"/>
      <c r="E10" s="201">
        <v>12</v>
      </c>
      <c r="F10" s="30">
        <v>4.1666666666666664E-2</v>
      </c>
      <c r="G10" s="202">
        <v>8</v>
      </c>
      <c r="H10" s="34">
        <v>3.1372549019607843E-2</v>
      </c>
      <c r="J10" s="385" t="s">
        <v>238</v>
      </c>
      <c r="K10" s="324"/>
      <c r="L10" s="192"/>
    </row>
    <row r="11" spans="1:12" ht="19.95" customHeight="1" x14ac:dyDescent="0.2">
      <c r="A11" s="438"/>
      <c r="B11" s="430"/>
      <c r="C11" s="199" t="s">
        <v>120</v>
      </c>
      <c r="D11" s="200"/>
      <c r="E11" s="201">
        <v>3</v>
      </c>
      <c r="F11" s="30">
        <v>1.0416666666666666E-2</v>
      </c>
      <c r="G11" s="202">
        <v>0</v>
      </c>
      <c r="H11" s="34">
        <v>0</v>
      </c>
      <c r="J11" s="386" t="s">
        <v>239</v>
      </c>
      <c r="K11" s="313"/>
      <c r="L11" s="198"/>
    </row>
    <row r="12" spans="1:12" ht="19.95" customHeight="1" thickBot="1" x14ac:dyDescent="0.25">
      <c r="A12" s="438"/>
      <c r="B12" s="431"/>
      <c r="C12" s="205" t="s">
        <v>121</v>
      </c>
      <c r="D12" s="206"/>
      <c r="E12" s="207">
        <v>2</v>
      </c>
      <c r="F12" s="31">
        <v>6.9444444444444441E-3</v>
      </c>
      <c r="G12" s="208">
        <v>4</v>
      </c>
      <c r="H12" s="35">
        <v>1.5686274509803921E-2</v>
      </c>
      <c r="J12" s="386" t="s">
        <v>240</v>
      </c>
      <c r="K12" s="313"/>
      <c r="L12" s="198"/>
    </row>
    <row r="13" spans="1:12" ht="19.95" customHeight="1" x14ac:dyDescent="0.2">
      <c r="A13" s="438"/>
      <c r="B13" s="432" t="s">
        <v>122</v>
      </c>
      <c r="C13" s="209" t="s">
        <v>124</v>
      </c>
      <c r="D13" s="210"/>
      <c r="E13" s="195">
        <v>46</v>
      </c>
      <c r="F13" s="29">
        <v>0.15972222222222221</v>
      </c>
      <c r="G13" s="196">
        <v>10</v>
      </c>
      <c r="H13" s="33">
        <v>3.9215686274509803E-2</v>
      </c>
      <c r="J13" s="389" t="s">
        <v>241</v>
      </c>
      <c r="K13" s="325"/>
      <c r="L13" s="204"/>
    </row>
    <row r="14" spans="1:12" ht="19.95" customHeight="1" thickBot="1" x14ac:dyDescent="0.25">
      <c r="A14" s="438"/>
      <c r="B14" s="433"/>
      <c r="C14" s="205" t="s">
        <v>123</v>
      </c>
      <c r="D14" s="206"/>
      <c r="E14" s="207">
        <v>18</v>
      </c>
      <c r="F14" s="31">
        <v>6.25E-2</v>
      </c>
      <c r="G14" s="208">
        <v>0</v>
      </c>
      <c r="H14" s="35">
        <v>0</v>
      </c>
      <c r="I14" s="211"/>
    </row>
    <row r="15" spans="1:12" ht="19.95" customHeight="1" thickBot="1" x14ac:dyDescent="0.25">
      <c r="A15" s="438"/>
      <c r="B15" s="434" t="s">
        <v>193</v>
      </c>
      <c r="C15" s="435"/>
      <c r="D15" s="436"/>
      <c r="E15" s="212">
        <v>55</v>
      </c>
      <c r="F15" s="32">
        <v>0.19097222222222221</v>
      </c>
      <c r="G15" s="213">
        <v>152</v>
      </c>
      <c r="H15" s="36">
        <v>0.59607843137254901</v>
      </c>
      <c r="I15" s="214"/>
    </row>
    <row r="16" spans="1:12" ht="19.95" customHeight="1" thickTop="1" thickBot="1" x14ac:dyDescent="0.25">
      <c r="A16" s="439"/>
      <c r="B16" s="211"/>
      <c r="D16" s="215" t="s">
        <v>34</v>
      </c>
      <c r="E16" s="216">
        <v>288</v>
      </c>
      <c r="F16" s="217">
        <v>1</v>
      </c>
      <c r="G16" s="216">
        <v>255</v>
      </c>
      <c r="H16" s="218">
        <v>1</v>
      </c>
      <c r="I16" s="211"/>
    </row>
    <row r="17" spans="1:12" ht="19.95" customHeight="1" x14ac:dyDescent="0.2">
      <c r="A17" s="437" t="s">
        <v>152</v>
      </c>
      <c r="B17" s="429" t="s">
        <v>113</v>
      </c>
      <c r="C17" s="209" t="s">
        <v>114</v>
      </c>
      <c r="D17" s="210"/>
      <c r="E17" s="195">
        <v>164</v>
      </c>
      <c r="F17" s="29">
        <v>0.22282608695652173</v>
      </c>
      <c r="G17" s="196">
        <v>50</v>
      </c>
      <c r="H17" s="33">
        <v>0.11467889908256881</v>
      </c>
    </row>
    <row r="18" spans="1:12" ht="19.95" customHeight="1" x14ac:dyDescent="0.2">
      <c r="A18" s="438"/>
      <c r="B18" s="430"/>
      <c r="C18" s="199" t="s">
        <v>115</v>
      </c>
      <c r="D18" s="200"/>
      <c r="E18" s="201">
        <v>108</v>
      </c>
      <c r="F18" s="30">
        <v>0.14673913043478262</v>
      </c>
      <c r="G18" s="202">
        <v>66</v>
      </c>
      <c r="H18" s="34">
        <v>0.15137614678899083</v>
      </c>
    </row>
    <row r="19" spans="1:12" ht="19.95" customHeight="1" x14ac:dyDescent="0.2">
      <c r="A19" s="438"/>
      <c r="B19" s="430"/>
      <c r="C19" s="199" t="s">
        <v>116</v>
      </c>
      <c r="D19" s="194"/>
      <c r="E19" s="201">
        <v>8</v>
      </c>
      <c r="F19" s="30">
        <v>1.0869565217391304E-2</v>
      </c>
      <c r="G19" s="202">
        <v>1</v>
      </c>
      <c r="H19" s="34">
        <v>2.2935779816513763E-3</v>
      </c>
      <c r="L19" s="94"/>
    </row>
    <row r="20" spans="1:12" ht="19.95" customHeight="1" x14ac:dyDescent="0.2">
      <c r="A20" s="438"/>
      <c r="B20" s="430"/>
      <c r="C20" s="199" t="s">
        <v>117</v>
      </c>
      <c r="D20" s="200"/>
      <c r="E20" s="201">
        <v>30</v>
      </c>
      <c r="F20" s="30">
        <v>4.0760869565217392E-2</v>
      </c>
      <c r="G20" s="202">
        <v>12</v>
      </c>
      <c r="H20" s="34">
        <v>2.7522935779816515E-2</v>
      </c>
      <c r="L20" s="94"/>
    </row>
    <row r="21" spans="1:12" ht="19.95" customHeight="1" x14ac:dyDescent="0.2">
      <c r="A21" s="438"/>
      <c r="B21" s="430"/>
      <c r="C21" s="199" t="s">
        <v>118</v>
      </c>
      <c r="D21" s="200"/>
      <c r="E21" s="201">
        <v>103</v>
      </c>
      <c r="F21" s="30">
        <v>0.13994565217391305</v>
      </c>
      <c r="G21" s="202">
        <v>29</v>
      </c>
      <c r="H21" s="34">
        <v>6.6513761467889912E-2</v>
      </c>
      <c r="L21" s="94"/>
    </row>
    <row r="22" spans="1:12" ht="19.95" customHeight="1" x14ac:dyDescent="0.2">
      <c r="A22" s="438"/>
      <c r="B22" s="430"/>
      <c r="C22" s="199" t="s">
        <v>119</v>
      </c>
      <c r="D22" s="200"/>
      <c r="E22" s="201">
        <v>17</v>
      </c>
      <c r="F22" s="30">
        <v>2.309782608695652E-2</v>
      </c>
      <c r="G22" s="202">
        <v>8</v>
      </c>
      <c r="H22" s="34">
        <v>1.834862385321101E-2</v>
      </c>
      <c r="L22" s="94"/>
    </row>
    <row r="23" spans="1:12" ht="19.95" customHeight="1" x14ac:dyDescent="0.2">
      <c r="A23" s="438"/>
      <c r="B23" s="430"/>
      <c r="C23" s="199" t="s">
        <v>120</v>
      </c>
      <c r="D23" s="200"/>
      <c r="E23" s="201">
        <v>4</v>
      </c>
      <c r="F23" s="30">
        <v>5.434782608695652E-3</v>
      </c>
      <c r="G23" s="202">
        <v>0</v>
      </c>
      <c r="H23" s="34">
        <v>0</v>
      </c>
      <c r="L23" s="94"/>
    </row>
    <row r="24" spans="1:12" ht="19.95" customHeight="1" thickBot="1" x14ac:dyDescent="0.25">
      <c r="A24" s="438"/>
      <c r="B24" s="431"/>
      <c r="C24" s="205" t="s">
        <v>121</v>
      </c>
      <c r="D24" s="206"/>
      <c r="E24" s="207">
        <v>16</v>
      </c>
      <c r="F24" s="31">
        <v>2.1739130434782608E-2</v>
      </c>
      <c r="G24" s="208">
        <v>41</v>
      </c>
      <c r="H24" s="35">
        <v>9.4036697247706427E-2</v>
      </c>
      <c r="L24" s="94"/>
    </row>
    <row r="25" spans="1:12" ht="19.95" customHeight="1" x14ac:dyDescent="0.2">
      <c r="A25" s="438"/>
      <c r="B25" s="432" t="s">
        <v>122</v>
      </c>
      <c r="C25" s="209" t="s">
        <v>124</v>
      </c>
      <c r="D25" s="210"/>
      <c r="E25" s="195">
        <v>137</v>
      </c>
      <c r="F25" s="29">
        <v>0.18614130434782608</v>
      </c>
      <c r="G25" s="196">
        <v>54</v>
      </c>
      <c r="H25" s="33">
        <v>0.12385321100917432</v>
      </c>
      <c r="L25" s="94"/>
    </row>
    <row r="26" spans="1:12" ht="19.95" customHeight="1" thickBot="1" x14ac:dyDescent="0.25">
      <c r="A26" s="438"/>
      <c r="B26" s="433"/>
      <c r="C26" s="205" t="s">
        <v>123</v>
      </c>
      <c r="D26" s="206"/>
      <c r="E26" s="207">
        <v>41</v>
      </c>
      <c r="F26" s="31">
        <v>5.5706521739130432E-2</v>
      </c>
      <c r="G26" s="208">
        <v>1</v>
      </c>
      <c r="H26" s="35">
        <v>2.2935779816513763E-3</v>
      </c>
      <c r="L26" s="94"/>
    </row>
    <row r="27" spans="1:12" ht="19.95" customHeight="1" thickBot="1" x14ac:dyDescent="0.25">
      <c r="A27" s="438"/>
      <c r="B27" s="434" t="s">
        <v>194</v>
      </c>
      <c r="C27" s="435"/>
      <c r="D27" s="436"/>
      <c r="E27" s="212">
        <v>108</v>
      </c>
      <c r="F27" s="32">
        <v>0.14673913043478262</v>
      </c>
      <c r="G27" s="213">
        <v>174</v>
      </c>
      <c r="H27" s="36">
        <v>0.39908256880733944</v>
      </c>
      <c r="L27" s="94"/>
    </row>
    <row r="28" spans="1:12" ht="19.95" customHeight="1" thickTop="1" thickBot="1" x14ac:dyDescent="0.25">
      <c r="A28" s="439"/>
      <c r="B28" s="219"/>
      <c r="C28" s="220"/>
      <c r="D28" s="221" t="s">
        <v>34</v>
      </c>
      <c r="E28" s="161">
        <v>736</v>
      </c>
      <c r="F28" s="222">
        <v>0.99999999999999989</v>
      </c>
      <c r="G28" s="161">
        <v>436</v>
      </c>
      <c r="H28" s="218">
        <v>1</v>
      </c>
      <c r="I28" s="211"/>
      <c r="L28" s="94"/>
    </row>
    <row r="29" spans="1:12" ht="19.95" customHeight="1" x14ac:dyDescent="0.2">
      <c r="D29" s="94"/>
      <c r="E29" s="94"/>
      <c r="F29" s="94"/>
      <c r="G29" s="94"/>
      <c r="H29" s="94"/>
      <c r="L29" s="94"/>
    </row>
    <row r="30" spans="1:12" ht="19.95" customHeight="1" thickBot="1" x14ac:dyDescent="0.25">
      <c r="A30" s="88" t="s">
        <v>197</v>
      </c>
      <c r="F30" s="83" t="s">
        <v>49</v>
      </c>
    </row>
    <row r="31" spans="1:12" ht="28.2" customHeight="1" thickBot="1" x14ac:dyDescent="0.25">
      <c r="A31" s="115"/>
      <c r="B31" s="117" t="s">
        <v>86</v>
      </c>
      <c r="C31" s="367" t="s">
        <v>127</v>
      </c>
      <c r="D31" s="223" t="s">
        <v>128</v>
      </c>
      <c r="E31" s="367" t="s">
        <v>129</v>
      </c>
      <c r="F31" s="367" t="s">
        <v>130</v>
      </c>
      <c r="G31" s="367" t="s">
        <v>131</v>
      </c>
      <c r="H31" s="223" t="s">
        <v>195</v>
      </c>
      <c r="I31" s="367" t="s">
        <v>132</v>
      </c>
      <c r="J31" s="116" t="s">
        <v>133</v>
      </c>
      <c r="K31" s="140" t="s">
        <v>48</v>
      </c>
      <c r="L31" s="141" t="s">
        <v>162</v>
      </c>
    </row>
    <row r="32" spans="1:12" ht="19.95" customHeight="1" thickTop="1" x14ac:dyDescent="0.2">
      <c r="A32" s="419" t="s">
        <v>21</v>
      </c>
      <c r="B32" s="224">
        <v>77</v>
      </c>
      <c r="C32" s="142">
        <v>24</v>
      </c>
      <c r="D32" s="225">
        <v>12</v>
      </c>
      <c r="E32" s="225">
        <v>4</v>
      </c>
      <c r="F32" s="225">
        <v>3</v>
      </c>
      <c r="G32" s="225">
        <v>10</v>
      </c>
      <c r="H32" s="143">
        <v>0</v>
      </c>
      <c r="I32" s="153">
        <v>16</v>
      </c>
      <c r="J32" s="143">
        <v>11</v>
      </c>
      <c r="K32" s="144">
        <v>6</v>
      </c>
      <c r="L32" s="145">
        <v>86</v>
      </c>
    </row>
    <row r="33" spans="1:12" ht="19.95" customHeight="1" x14ac:dyDescent="0.2">
      <c r="A33" s="427"/>
      <c r="B33" s="49" t="s">
        <v>72</v>
      </c>
      <c r="C33" s="50">
        <v>0.27906976744186046</v>
      </c>
      <c r="D33" s="51">
        <v>0.13953488372093023</v>
      </c>
      <c r="E33" s="51">
        <v>4.6511627906976744E-2</v>
      </c>
      <c r="F33" s="51">
        <v>3.4883720930232558E-2</v>
      </c>
      <c r="G33" s="51">
        <v>0.11627906976744186</v>
      </c>
      <c r="H33" s="52">
        <v>0</v>
      </c>
      <c r="I33" s="52">
        <v>0.18604651162790697</v>
      </c>
      <c r="J33" s="52">
        <v>0.12790697674418605</v>
      </c>
      <c r="K33" s="53">
        <v>6.9767441860465115E-2</v>
      </c>
      <c r="L33" s="54">
        <v>1</v>
      </c>
    </row>
    <row r="34" spans="1:12" ht="19.95" customHeight="1" x14ac:dyDescent="0.2">
      <c r="A34" s="428" t="s">
        <v>22</v>
      </c>
      <c r="B34" s="49">
        <v>216</v>
      </c>
      <c r="C34" s="146">
        <v>76</v>
      </c>
      <c r="D34" s="226">
        <v>39</v>
      </c>
      <c r="E34" s="226">
        <v>4</v>
      </c>
      <c r="F34" s="226">
        <v>4</v>
      </c>
      <c r="G34" s="226">
        <v>24</v>
      </c>
      <c r="H34" s="147">
        <v>5</v>
      </c>
      <c r="I34" s="227">
        <v>34</v>
      </c>
      <c r="J34" s="147">
        <v>20</v>
      </c>
      <c r="K34" s="148">
        <v>11</v>
      </c>
      <c r="L34" s="149">
        <v>217</v>
      </c>
    </row>
    <row r="35" spans="1:12" ht="19.95" customHeight="1" thickBot="1" x14ac:dyDescent="0.25">
      <c r="A35" s="409"/>
      <c r="B35" s="55" t="s">
        <v>72</v>
      </c>
      <c r="C35" s="56">
        <v>0.35023041474654376</v>
      </c>
      <c r="D35" s="57">
        <v>0.17972350230414746</v>
      </c>
      <c r="E35" s="57">
        <v>1.8433179723502304E-2</v>
      </c>
      <c r="F35" s="57">
        <v>1.8433179723502304E-2</v>
      </c>
      <c r="G35" s="57">
        <v>0.11059907834101383</v>
      </c>
      <c r="H35" s="58">
        <v>2.3041474654377881E-2</v>
      </c>
      <c r="I35" s="58">
        <v>0.15668202764976957</v>
      </c>
      <c r="J35" s="58">
        <v>9.2165898617511524E-2</v>
      </c>
      <c r="K35" s="58">
        <v>5.0691244239631339E-2</v>
      </c>
      <c r="L35" s="59">
        <v>1</v>
      </c>
    </row>
    <row r="36" spans="1:12" ht="19.95" customHeight="1" thickTop="1" x14ac:dyDescent="0.2">
      <c r="A36" s="228"/>
      <c r="B36" s="229" t="s">
        <v>32</v>
      </c>
      <c r="C36" s="60">
        <v>100</v>
      </c>
      <c r="D36" s="61">
        <v>51</v>
      </c>
      <c r="E36" s="61">
        <v>8</v>
      </c>
      <c r="F36" s="61">
        <v>7</v>
      </c>
      <c r="G36" s="61">
        <v>34</v>
      </c>
      <c r="H36" s="62">
        <v>5</v>
      </c>
      <c r="I36" s="63">
        <v>50</v>
      </c>
      <c r="J36" s="62">
        <v>31</v>
      </c>
      <c r="K36" s="64">
        <v>17</v>
      </c>
      <c r="L36" s="149">
        <v>303</v>
      </c>
    </row>
    <row r="37" spans="1:12" ht="19.95" customHeight="1" thickBot="1" x14ac:dyDescent="0.25">
      <c r="A37" s="230"/>
      <c r="B37" s="125" t="s">
        <v>87</v>
      </c>
      <c r="C37" s="23">
        <v>0.33003300330033003</v>
      </c>
      <c r="D37" s="28">
        <v>0.16831683168316833</v>
      </c>
      <c r="E37" s="28">
        <v>2.6402640264026403E-2</v>
      </c>
      <c r="F37" s="28">
        <v>2.3102310231023101E-2</v>
      </c>
      <c r="G37" s="28">
        <v>0.11221122112211221</v>
      </c>
      <c r="H37" s="24">
        <v>1.65016501650165E-2</v>
      </c>
      <c r="I37" s="24">
        <v>0.16501650165016502</v>
      </c>
      <c r="J37" s="24">
        <v>0.10231023102310231</v>
      </c>
      <c r="K37" s="27">
        <v>5.6105610561056105E-2</v>
      </c>
      <c r="L37" s="26">
        <v>1</v>
      </c>
    </row>
    <row r="38" spans="1:12" ht="19.95" customHeight="1" x14ac:dyDescent="0.2">
      <c r="B38" s="106"/>
    </row>
    <row r="39" spans="1:12" ht="19.95" customHeight="1" x14ac:dyDescent="0.2">
      <c r="A39" s="88" t="s">
        <v>255</v>
      </c>
    </row>
    <row r="40" spans="1:12" ht="19.95" customHeight="1" x14ac:dyDescent="0.2">
      <c r="A40" s="385" t="s">
        <v>242</v>
      </c>
      <c r="B40" s="326"/>
      <c r="C40" s="326"/>
      <c r="D40" s="326"/>
      <c r="E40" s="327"/>
    </row>
    <row r="41" spans="1:12" ht="19.95" customHeight="1" x14ac:dyDescent="0.2">
      <c r="A41" s="386" t="s">
        <v>243</v>
      </c>
      <c r="B41" s="314"/>
      <c r="C41" s="314"/>
      <c r="D41" s="314"/>
      <c r="E41" s="328"/>
    </row>
    <row r="42" spans="1:12" ht="19.95" customHeight="1" x14ac:dyDescent="0.2">
      <c r="A42" s="386" t="s">
        <v>244</v>
      </c>
      <c r="B42" s="314"/>
      <c r="C42" s="314"/>
      <c r="D42" s="314"/>
      <c r="E42" s="328"/>
    </row>
    <row r="43" spans="1:12" ht="19.95" customHeight="1" x14ac:dyDescent="0.2">
      <c r="A43" s="389" t="s">
        <v>245</v>
      </c>
      <c r="B43" s="329"/>
      <c r="C43" s="329"/>
      <c r="D43" s="329"/>
      <c r="E43" s="330"/>
    </row>
  </sheetData>
  <mergeCells count="11">
    <mergeCell ref="B5:B12"/>
    <mergeCell ref="B13:B14"/>
    <mergeCell ref="B4:D4"/>
    <mergeCell ref="B15:D15"/>
    <mergeCell ref="A5:A16"/>
    <mergeCell ref="A32:A33"/>
    <mergeCell ref="A34:A35"/>
    <mergeCell ref="B17:B24"/>
    <mergeCell ref="B25:B26"/>
    <mergeCell ref="B27:D27"/>
    <mergeCell ref="A17:A28"/>
  </mergeCells>
  <phoneticPr fontId="9"/>
  <pageMargins left="1.1023622047244095" right="0.31496062992125984" top="0.55118110236220474" bottom="0.35433070866141736" header="0.31496062992125984" footer="0.31496062992125984"/>
  <pageSetup paperSize="9" scale="60" orientation="landscape" r:id="rId1"/>
  <headerFooter scaleWithDoc="0" alignWithMargins="0">
    <oddFooter>&amp;C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8"/>
  <sheetViews>
    <sheetView view="pageBreakPreview" zoomScale="80" zoomScaleNormal="75" zoomScaleSheetLayoutView="80" workbookViewId="0"/>
  </sheetViews>
  <sheetFormatPr defaultColWidth="14.77734375" defaultRowHeight="19.95" customHeight="1" x14ac:dyDescent="0.2"/>
  <cols>
    <col min="1" max="1" width="12.77734375" style="88" customWidth="1"/>
    <col min="2" max="16384" width="14.77734375" style="88"/>
  </cols>
  <sheetData>
    <row r="1" spans="1:12" ht="19.95" customHeight="1" x14ac:dyDescent="0.2">
      <c r="A1" s="79" t="s">
        <v>223</v>
      </c>
      <c r="B1" s="89"/>
    </row>
    <row r="2" spans="1:12" ht="19.95" customHeight="1" x14ac:dyDescent="0.2">
      <c r="A2" s="89"/>
      <c r="B2" s="89"/>
    </row>
    <row r="3" spans="1:12" ht="19.95" customHeight="1" thickBot="1" x14ac:dyDescent="0.25">
      <c r="A3" s="88" t="s">
        <v>224</v>
      </c>
      <c r="B3" s="82"/>
      <c r="C3" s="82"/>
      <c r="D3" s="82" t="s">
        <v>51</v>
      </c>
      <c r="F3" s="82"/>
    </row>
    <row r="4" spans="1:12" ht="19.95" customHeight="1" x14ac:dyDescent="0.2">
      <c r="A4" s="408"/>
      <c r="B4" s="445" t="s">
        <v>35</v>
      </c>
      <c r="C4" s="447" t="s">
        <v>136</v>
      </c>
      <c r="D4" s="442" t="s">
        <v>5</v>
      </c>
      <c r="E4" s="443"/>
      <c r="F4" s="444"/>
      <c r="G4" s="449" t="s">
        <v>3</v>
      </c>
      <c r="H4" s="443"/>
      <c r="I4" s="450"/>
      <c r="J4" s="442" t="s">
        <v>4</v>
      </c>
      <c r="K4" s="443"/>
      <c r="L4" s="444"/>
    </row>
    <row r="5" spans="1:12" ht="19.95" customHeight="1" thickBot="1" x14ac:dyDescent="0.25">
      <c r="A5" s="409"/>
      <c r="B5" s="446"/>
      <c r="C5" s="448"/>
      <c r="D5" s="231" t="s">
        <v>135</v>
      </c>
      <c r="E5" s="232" t="s">
        <v>50</v>
      </c>
      <c r="F5" s="233" t="s">
        <v>134</v>
      </c>
      <c r="G5" s="234" t="s">
        <v>135</v>
      </c>
      <c r="H5" s="232" t="s">
        <v>50</v>
      </c>
      <c r="I5" s="235" t="s">
        <v>134</v>
      </c>
      <c r="J5" s="231" t="s">
        <v>135</v>
      </c>
      <c r="K5" s="232" t="s">
        <v>50</v>
      </c>
      <c r="L5" s="233" t="s">
        <v>134</v>
      </c>
    </row>
    <row r="6" spans="1:12" ht="19.95" customHeight="1" thickTop="1" x14ac:dyDescent="0.2">
      <c r="A6" s="451" t="s">
        <v>21</v>
      </c>
      <c r="B6" s="236" t="s">
        <v>39</v>
      </c>
      <c r="C6" s="237">
        <v>0</v>
      </c>
      <c r="D6" s="390" t="s">
        <v>231</v>
      </c>
      <c r="E6" s="391" t="s">
        <v>231</v>
      </c>
      <c r="F6" s="334" t="s">
        <v>231</v>
      </c>
      <c r="G6" s="392" t="s">
        <v>231</v>
      </c>
      <c r="H6" s="391" t="s">
        <v>231</v>
      </c>
      <c r="I6" s="334" t="s">
        <v>231</v>
      </c>
      <c r="J6" s="390" t="s">
        <v>231</v>
      </c>
      <c r="K6" s="391" t="s">
        <v>231</v>
      </c>
      <c r="L6" s="334" t="s">
        <v>231</v>
      </c>
    </row>
    <row r="7" spans="1:12" ht="19.95" customHeight="1" x14ac:dyDescent="0.2">
      <c r="A7" s="451"/>
      <c r="B7" s="239" t="s">
        <v>40</v>
      </c>
      <c r="C7" s="237">
        <v>10</v>
      </c>
      <c r="D7" s="4">
        <v>27</v>
      </c>
      <c r="E7" s="2">
        <v>7</v>
      </c>
      <c r="F7" s="3">
        <v>0.25925925925925924</v>
      </c>
      <c r="G7" s="14">
        <v>20</v>
      </c>
      <c r="H7" s="101">
        <v>6</v>
      </c>
      <c r="I7" s="238">
        <v>0.3</v>
      </c>
      <c r="J7" s="5">
        <v>7</v>
      </c>
      <c r="K7" s="101">
        <v>1</v>
      </c>
      <c r="L7" s="3">
        <v>0.14285714285714285</v>
      </c>
    </row>
    <row r="8" spans="1:12" ht="19.95" customHeight="1" x14ac:dyDescent="0.2">
      <c r="A8" s="451"/>
      <c r="B8" s="239" t="s">
        <v>41</v>
      </c>
      <c r="C8" s="237">
        <v>41</v>
      </c>
      <c r="D8" s="4">
        <v>132</v>
      </c>
      <c r="E8" s="2">
        <v>59</v>
      </c>
      <c r="F8" s="3">
        <v>0.44696969696969696</v>
      </c>
      <c r="G8" s="14">
        <v>94</v>
      </c>
      <c r="H8" s="101">
        <v>34</v>
      </c>
      <c r="I8" s="238">
        <v>0.36170212765957449</v>
      </c>
      <c r="J8" s="5">
        <v>38</v>
      </c>
      <c r="K8" s="101">
        <v>25</v>
      </c>
      <c r="L8" s="3">
        <v>0.65789473684210531</v>
      </c>
    </row>
    <row r="9" spans="1:12" ht="19.95" customHeight="1" thickBot="1" x14ac:dyDescent="0.25">
      <c r="A9" s="451"/>
      <c r="B9" s="240" t="s">
        <v>37</v>
      </c>
      <c r="C9" s="241">
        <v>9</v>
      </c>
      <c r="D9" s="4">
        <v>33</v>
      </c>
      <c r="E9" s="2">
        <v>9</v>
      </c>
      <c r="F9" s="3">
        <v>0.27272727272727271</v>
      </c>
      <c r="G9" s="14">
        <v>29</v>
      </c>
      <c r="H9" s="101">
        <v>6</v>
      </c>
      <c r="I9" s="238">
        <v>0.20689655172413793</v>
      </c>
      <c r="J9" s="5">
        <v>4</v>
      </c>
      <c r="K9" s="101">
        <v>3</v>
      </c>
      <c r="L9" s="3">
        <v>0.75</v>
      </c>
    </row>
    <row r="10" spans="1:12" ht="19.95" customHeight="1" thickTop="1" thickBot="1" x14ac:dyDescent="0.25">
      <c r="A10" s="406"/>
      <c r="B10" s="242" t="s">
        <v>32</v>
      </c>
      <c r="C10" s="243">
        <v>60</v>
      </c>
      <c r="D10" s="7">
        <v>192</v>
      </c>
      <c r="E10" s="8">
        <v>75</v>
      </c>
      <c r="F10" s="78">
        <v>0.390625</v>
      </c>
      <c r="G10" s="15">
        <v>143</v>
      </c>
      <c r="H10" s="15">
        <v>46</v>
      </c>
      <c r="I10" s="218">
        <v>0.32167832167832167</v>
      </c>
      <c r="J10" s="7">
        <v>49</v>
      </c>
      <c r="K10" s="15">
        <v>29</v>
      </c>
      <c r="L10" s="78">
        <v>0.59183673469387754</v>
      </c>
    </row>
    <row r="11" spans="1:12" ht="19.95" customHeight="1" x14ac:dyDescent="0.2">
      <c r="A11" s="452" t="s">
        <v>22</v>
      </c>
      <c r="B11" s="236" t="s">
        <v>39</v>
      </c>
      <c r="C11" s="237">
        <v>4</v>
      </c>
      <c r="D11" s="4">
        <v>8</v>
      </c>
      <c r="E11" s="2">
        <v>0</v>
      </c>
      <c r="F11" s="3">
        <v>0</v>
      </c>
      <c r="G11" s="1">
        <v>8</v>
      </c>
      <c r="H11" s="2">
        <v>0</v>
      </c>
      <c r="I11" s="238">
        <v>0</v>
      </c>
      <c r="J11" s="4">
        <v>0</v>
      </c>
      <c r="K11" s="2">
        <v>0</v>
      </c>
      <c r="L11" s="334" t="s">
        <v>231</v>
      </c>
    </row>
    <row r="12" spans="1:12" ht="19.95" customHeight="1" x14ac:dyDescent="0.2">
      <c r="A12" s="451"/>
      <c r="B12" s="239" t="s">
        <v>40</v>
      </c>
      <c r="C12" s="237">
        <v>46</v>
      </c>
      <c r="D12" s="4">
        <v>96</v>
      </c>
      <c r="E12" s="2">
        <v>13</v>
      </c>
      <c r="F12" s="3">
        <v>0.13541666666666666</v>
      </c>
      <c r="G12" s="14">
        <v>68</v>
      </c>
      <c r="H12" s="101">
        <v>10</v>
      </c>
      <c r="I12" s="238">
        <v>0.14705882352941177</v>
      </c>
      <c r="J12" s="5">
        <v>28</v>
      </c>
      <c r="K12" s="101">
        <v>3</v>
      </c>
      <c r="L12" s="3">
        <v>0.10714285714285714</v>
      </c>
    </row>
    <row r="13" spans="1:12" ht="19.95" customHeight="1" x14ac:dyDescent="0.2">
      <c r="A13" s="451"/>
      <c r="B13" s="239" t="s">
        <v>42</v>
      </c>
      <c r="C13" s="237">
        <v>73</v>
      </c>
      <c r="D13" s="4">
        <v>166</v>
      </c>
      <c r="E13" s="2">
        <v>83</v>
      </c>
      <c r="F13" s="3">
        <v>0.5</v>
      </c>
      <c r="G13" s="14">
        <v>111</v>
      </c>
      <c r="H13" s="101">
        <v>45</v>
      </c>
      <c r="I13" s="238">
        <v>0.40540540540540543</v>
      </c>
      <c r="J13" s="5">
        <v>55</v>
      </c>
      <c r="K13" s="101">
        <v>38</v>
      </c>
      <c r="L13" s="3">
        <v>0.69090909090909092</v>
      </c>
    </row>
    <row r="14" spans="1:12" ht="19.95" customHeight="1" x14ac:dyDescent="0.2">
      <c r="A14" s="451"/>
      <c r="B14" s="239" t="s">
        <v>43</v>
      </c>
      <c r="C14" s="237">
        <v>24</v>
      </c>
      <c r="D14" s="4">
        <v>44</v>
      </c>
      <c r="E14" s="2">
        <v>5</v>
      </c>
      <c r="F14" s="3">
        <v>0.11363636363636363</v>
      </c>
      <c r="G14" s="14">
        <v>36</v>
      </c>
      <c r="H14" s="101">
        <v>2</v>
      </c>
      <c r="I14" s="238">
        <v>5.5555555555555552E-2</v>
      </c>
      <c r="J14" s="5">
        <v>8</v>
      </c>
      <c r="K14" s="101">
        <v>3</v>
      </c>
      <c r="L14" s="3">
        <v>0.375</v>
      </c>
    </row>
    <row r="15" spans="1:12" ht="19.95" customHeight="1" thickBot="1" x14ac:dyDescent="0.25">
      <c r="A15" s="451"/>
      <c r="B15" s="240" t="s">
        <v>36</v>
      </c>
      <c r="C15" s="244">
        <v>4</v>
      </c>
      <c r="D15" s="103">
        <v>9</v>
      </c>
      <c r="E15" s="104">
        <v>1</v>
      </c>
      <c r="F15" s="13">
        <v>0.1111111111111111</v>
      </c>
      <c r="G15" s="45">
        <v>7</v>
      </c>
      <c r="H15" s="104">
        <v>1</v>
      </c>
      <c r="I15" s="245">
        <v>0.14285714285714285</v>
      </c>
      <c r="J15" s="103">
        <v>2</v>
      </c>
      <c r="K15" s="104">
        <v>0</v>
      </c>
      <c r="L15" s="3">
        <v>0</v>
      </c>
    </row>
    <row r="16" spans="1:12" ht="19.95" customHeight="1" thickTop="1" thickBot="1" x14ac:dyDescent="0.25">
      <c r="A16" s="406"/>
      <c r="B16" s="242" t="s">
        <v>32</v>
      </c>
      <c r="C16" s="246">
        <v>151</v>
      </c>
      <c r="D16" s="7">
        <v>323</v>
      </c>
      <c r="E16" s="8">
        <v>102</v>
      </c>
      <c r="F16" s="78">
        <v>0.31578947368421051</v>
      </c>
      <c r="G16" s="15">
        <v>230</v>
      </c>
      <c r="H16" s="15">
        <v>58</v>
      </c>
      <c r="I16" s="218">
        <v>0.25217391304347825</v>
      </c>
      <c r="J16" s="7">
        <v>93</v>
      </c>
      <c r="K16" s="15">
        <v>44</v>
      </c>
      <c r="L16" s="78">
        <v>0.4731182795698925</v>
      </c>
    </row>
    <row r="17" spans="1:12" ht="19.95" customHeight="1" x14ac:dyDescent="0.2">
      <c r="C17" s="247" t="s">
        <v>166</v>
      </c>
    </row>
    <row r="18" spans="1:12" ht="19.95" customHeight="1" thickBot="1" x14ac:dyDescent="0.25">
      <c r="A18" s="88" t="s">
        <v>225</v>
      </c>
    </row>
    <row r="19" spans="1:12" ht="19.95" customHeight="1" x14ac:dyDescent="0.2">
      <c r="A19" s="408"/>
      <c r="B19" s="445" t="s">
        <v>38</v>
      </c>
      <c r="C19" s="447" t="s">
        <v>136</v>
      </c>
      <c r="D19" s="442" t="s">
        <v>5</v>
      </c>
      <c r="E19" s="443"/>
      <c r="F19" s="444"/>
      <c r="G19" s="449" t="s">
        <v>3</v>
      </c>
      <c r="H19" s="443"/>
      <c r="I19" s="450"/>
      <c r="J19" s="442" t="s">
        <v>4</v>
      </c>
      <c r="K19" s="443"/>
      <c r="L19" s="444"/>
    </row>
    <row r="20" spans="1:12" ht="19.95" customHeight="1" thickBot="1" x14ac:dyDescent="0.25">
      <c r="A20" s="409"/>
      <c r="B20" s="446"/>
      <c r="C20" s="448"/>
      <c r="D20" s="231" t="s">
        <v>135</v>
      </c>
      <c r="E20" s="232" t="s">
        <v>50</v>
      </c>
      <c r="F20" s="233" t="s">
        <v>134</v>
      </c>
      <c r="G20" s="234" t="s">
        <v>135</v>
      </c>
      <c r="H20" s="232" t="s">
        <v>50</v>
      </c>
      <c r="I20" s="235" t="s">
        <v>134</v>
      </c>
      <c r="J20" s="231" t="s">
        <v>135</v>
      </c>
      <c r="K20" s="232" t="s">
        <v>50</v>
      </c>
      <c r="L20" s="233" t="s">
        <v>134</v>
      </c>
    </row>
    <row r="21" spans="1:12" ht="19.95" customHeight="1" thickTop="1" x14ac:dyDescent="0.2">
      <c r="A21" s="451" t="s">
        <v>21</v>
      </c>
      <c r="B21" s="110" t="s">
        <v>12</v>
      </c>
      <c r="C21" s="237">
        <v>21</v>
      </c>
      <c r="D21" s="4">
        <v>61</v>
      </c>
      <c r="E21" s="2">
        <v>16</v>
      </c>
      <c r="F21" s="3">
        <v>0.26229508196721313</v>
      </c>
      <c r="G21" s="1">
        <v>48</v>
      </c>
      <c r="H21" s="2">
        <v>10</v>
      </c>
      <c r="I21" s="238">
        <v>0.20833333333333334</v>
      </c>
      <c r="J21" s="4">
        <v>13</v>
      </c>
      <c r="K21" s="2">
        <v>6</v>
      </c>
      <c r="L21" s="3">
        <v>0.46153846153846156</v>
      </c>
    </row>
    <row r="22" spans="1:12" ht="19.95" customHeight="1" x14ac:dyDescent="0.2">
      <c r="A22" s="451"/>
      <c r="B22" s="111" t="s">
        <v>13</v>
      </c>
      <c r="C22" s="237">
        <v>5</v>
      </c>
      <c r="D22" s="4">
        <v>10</v>
      </c>
      <c r="E22" s="2">
        <v>4</v>
      </c>
      <c r="F22" s="3">
        <v>0.4</v>
      </c>
      <c r="G22" s="14">
        <v>9</v>
      </c>
      <c r="H22" s="101">
        <v>4</v>
      </c>
      <c r="I22" s="238">
        <v>0.44444444444444442</v>
      </c>
      <c r="J22" s="5">
        <v>1</v>
      </c>
      <c r="K22" s="101">
        <v>0</v>
      </c>
      <c r="L22" s="3">
        <v>0</v>
      </c>
    </row>
    <row r="23" spans="1:12" ht="19.95" customHeight="1" x14ac:dyDescent="0.2">
      <c r="A23" s="451"/>
      <c r="B23" s="111" t="s">
        <v>14</v>
      </c>
      <c r="C23" s="237">
        <v>6</v>
      </c>
      <c r="D23" s="4">
        <v>32</v>
      </c>
      <c r="E23" s="2">
        <v>16</v>
      </c>
      <c r="F23" s="3">
        <v>0.5</v>
      </c>
      <c r="G23" s="14">
        <v>23</v>
      </c>
      <c r="H23" s="101">
        <v>10</v>
      </c>
      <c r="I23" s="238">
        <v>0.43478260869565216</v>
      </c>
      <c r="J23" s="5">
        <v>9</v>
      </c>
      <c r="K23" s="101">
        <v>6</v>
      </c>
      <c r="L23" s="3">
        <v>0.66666666666666663</v>
      </c>
    </row>
    <row r="24" spans="1:12" ht="19.95" customHeight="1" x14ac:dyDescent="0.2">
      <c r="A24" s="451"/>
      <c r="B24" s="111" t="s">
        <v>15</v>
      </c>
      <c r="C24" s="237">
        <v>6</v>
      </c>
      <c r="D24" s="4">
        <v>14</v>
      </c>
      <c r="E24" s="2">
        <v>3</v>
      </c>
      <c r="F24" s="3">
        <v>0.21428571428571427</v>
      </c>
      <c r="G24" s="14">
        <v>11</v>
      </c>
      <c r="H24" s="101">
        <v>2</v>
      </c>
      <c r="I24" s="238">
        <v>0.18181818181818182</v>
      </c>
      <c r="J24" s="5">
        <v>3</v>
      </c>
      <c r="K24" s="101">
        <v>1</v>
      </c>
      <c r="L24" s="3">
        <v>0.33333333333333331</v>
      </c>
    </row>
    <row r="25" spans="1:12" ht="19.95" customHeight="1" x14ac:dyDescent="0.2">
      <c r="A25" s="451"/>
      <c r="B25" s="111" t="s">
        <v>16</v>
      </c>
      <c r="C25" s="237">
        <v>5</v>
      </c>
      <c r="D25" s="4">
        <v>23</v>
      </c>
      <c r="E25" s="2">
        <v>16</v>
      </c>
      <c r="F25" s="3">
        <v>0.69565217391304346</v>
      </c>
      <c r="G25" s="14">
        <v>15</v>
      </c>
      <c r="H25" s="101">
        <v>10</v>
      </c>
      <c r="I25" s="238">
        <v>0.66666666666666663</v>
      </c>
      <c r="J25" s="5">
        <v>8</v>
      </c>
      <c r="K25" s="101">
        <v>6</v>
      </c>
      <c r="L25" s="3">
        <v>0.75</v>
      </c>
    </row>
    <row r="26" spans="1:12" ht="19.95" customHeight="1" x14ac:dyDescent="0.2">
      <c r="A26" s="451"/>
      <c r="B26" s="111" t="s">
        <v>17</v>
      </c>
      <c r="C26" s="237">
        <v>8</v>
      </c>
      <c r="D26" s="4">
        <v>15</v>
      </c>
      <c r="E26" s="2">
        <v>5</v>
      </c>
      <c r="F26" s="3">
        <v>0.33333333333333331</v>
      </c>
      <c r="G26" s="14">
        <v>14</v>
      </c>
      <c r="H26" s="101">
        <v>4</v>
      </c>
      <c r="I26" s="238">
        <v>0.2857142857142857</v>
      </c>
      <c r="J26" s="5">
        <v>1</v>
      </c>
      <c r="K26" s="101">
        <v>1</v>
      </c>
      <c r="L26" s="3">
        <v>1</v>
      </c>
    </row>
    <row r="27" spans="1:12" ht="19.95" customHeight="1" x14ac:dyDescent="0.2">
      <c r="A27" s="451"/>
      <c r="B27" s="111" t="s">
        <v>18</v>
      </c>
      <c r="C27" s="248">
        <v>7</v>
      </c>
      <c r="D27" s="4">
        <v>26</v>
      </c>
      <c r="E27" s="2">
        <v>15</v>
      </c>
      <c r="F27" s="3">
        <v>0.57692307692307687</v>
      </c>
      <c r="G27" s="249">
        <v>15</v>
      </c>
      <c r="H27" s="6">
        <v>6</v>
      </c>
      <c r="I27" s="238">
        <v>0.4</v>
      </c>
      <c r="J27" s="250">
        <v>11</v>
      </c>
      <c r="K27" s="6">
        <v>9</v>
      </c>
      <c r="L27" s="3">
        <v>0.81818181818181823</v>
      </c>
    </row>
    <row r="28" spans="1:12" ht="19.95" customHeight="1" thickBot="1" x14ac:dyDescent="0.25">
      <c r="A28" s="451"/>
      <c r="B28" s="112" t="s">
        <v>19</v>
      </c>
      <c r="C28" s="244">
        <v>2</v>
      </c>
      <c r="D28" s="4">
        <v>11</v>
      </c>
      <c r="E28" s="2">
        <v>0</v>
      </c>
      <c r="F28" s="3">
        <v>0</v>
      </c>
      <c r="G28" s="45">
        <v>8</v>
      </c>
      <c r="H28" s="104">
        <v>0</v>
      </c>
      <c r="I28" s="238">
        <v>0</v>
      </c>
      <c r="J28" s="103">
        <v>3</v>
      </c>
      <c r="K28" s="104">
        <v>0</v>
      </c>
      <c r="L28" s="13">
        <v>0</v>
      </c>
    </row>
    <row r="29" spans="1:12" ht="19.95" customHeight="1" thickTop="1" thickBot="1" x14ac:dyDescent="0.25">
      <c r="A29" s="406"/>
      <c r="B29" s="242" t="s">
        <v>32</v>
      </c>
      <c r="C29" s="246">
        <v>60</v>
      </c>
      <c r="D29" s="251">
        <v>192</v>
      </c>
      <c r="E29" s="252">
        <v>75</v>
      </c>
      <c r="F29" s="253">
        <v>0.390625</v>
      </c>
      <c r="G29" s="15">
        <v>143</v>
      </c>
      <c r="H29" s="15">
        <v>46</v>
      </c>
      <c r="I29" s="218">
        <v>0.32167832167832167</v>
      </c>
      <c r="J29" s="7">
        <v>49</v>
      </c>
      <c r="K29" s="15">
        <v>29</v>
      </c>
      <c r="L29" s="78">
        <v>0.59183673469387754</v>
      </c>
    </row>
    <row r="30" spans="1:12" ht="19.95" customHeight="1" x14ac:dyDescent="0.2">
      <c r="A30" s="452" t="s">
        <v>22</v>
      </c>
      <c r="B30" s="110" t="s">
        <v>12</v>
      </c>
      <c r="C30" s="237">
        <v>54</v>
      </c>
      <c r="D30" s="4">
        <v>120</v>
      </c>
      <c r="E30" s="2">
        <v>26</v>
      </c>
      <c r="F30" s="3">
        <v>0.21666666666666667</v>
      </c>
      <c r="G30" s="1">
        <v>90</v>
      </c>
      <c r="H30" s="2">
        <v>12</v>
      </c>
      <c r="I30" s="238">
        <v>0.13333333333333333</v>
      </c>
      <c r="J30" s="4">
        <v>30</v>
      </c>
      <c r="K30" s="2">
        <v>14</v>
      </c>
      <c r="L30" s="3">
        <v>0.46666666666666667</v>
      </c>
    </row>
    <row r="31" spans="1:12" ht="19.95" customHeight="1" x14ac:dyDescent="0.2">
      <c r="A31" s="451"/>
      <c r="B31" s="111" t="s">
        <v>13</v>
      </c>
      <c r="C31" s="237">
        <v>19</v>
      </c>
      <c r="D31" s="4">
        <v>37</v>
      </c>
      <c r="E31" s="2">
        <v>6</v>
      </c>
      <c r="F31" s="3">
        <v>0.16216216216216217</v>
      </c>
      <c r="G31" s="14">
        <v>33</v>
      </c>
      <c r="H31" s="101">
        <v>4</v>
      </c>
      <c r="I31" s="238">
        <v>0.12121212121212122</v>
      </c>
      <c r="J31" s="5">
        <v>4</v>
      </c>
      <c r="K31" s="101">
        <v>2</v>
      </c>
      <c r="L31" s="3">
        <v>0.5</v>
      </c>
    </row>
    <row r="32" spans="1:12" ht="19.95" customHeight="1" x14ac:dyDescent="0.2">
      <c r="A32" s="451"/>
      <c r="B32" s="111" t="s">
        <v>14</v>
      </c>
      <c r="C32" s="237">
        <v>16</v>
      </c>
      <c r="D32" s="4">
        <v>37</v>
      </c>
      <c r="E32" s="2">
        <v>40</v>
      </c>
      <c r="F32" s="3">
        <v>1.0810810810810811</v>
      </c>
      <c r="G32" s="14">
        <v>25</v>
      </c>
      <c r="H32" s="101">
        <v>21</v>
      </c>
      <c r="I32" s="238">
        <v>0.84</v>
      </c>
      <c r="J32" s="5">
        <v>12</v>
      </c>
      <c r="K32" s="101">
        <v>19</v>
      </c>
      <c r="L32" s="3">
        <v>1.5833333333333333</v>
      </c>
    </row>
    <row r="33" spans="1:12" ht="19.95" customHeight="1" x14ac:dyDescent="0.2">
      <c r="A33" s="451"/>
      <c r="B33" s="111" t="s">
        <v>15</v>
      </c>
      <c r="C33" s="237">
        <v>18</v>
      </c>
      <c r="D33" s="4">
        <v>44</v>
      </c>
      <c r="E33" s="2">
        <v>9</v>
      </c>
      <c r="F33" s="3">
        <v>0.20454545454545456</v>
      </c>
      <c r="G33" s="14">
        <v>21</v>
      </c>
      <c r="H33" s="101">
        <v>6</v>
      </c>
      <c r="I33" s="238">
        <v>0.2857142857142857</v>
      </c>
      <c r="J33" s="5">
        <v>23</v>
      </c>
      <c r="K33" s="101">
        <v>3</v>
      </c>
      <c r="L33" s="3">
        <v>0.13043478260869565</v>
      </c>
    </row>
    <row r="34" spans="1:12" ht="19.95" customHeight="1" x14ac:dyDescent="0.2">
      <c r="A34" s="451"/>
      <c r="B34" s="111" t="s">
        <v>16</v>
      </c>
      <c r="C34" s="237">
        <v>9</v>
      </c>
      <c r="D34" s="4">
        <v>17</v>
      </c>
      <c r="E34" s="2">
        <v>0</v>
      </c>
      <c r="F34" s="3">
        <v>0</v>
      </c>
      <c r="G34" s="14">
        <v>13</v>
      </c>
      <c r="H34" s="101">
        <v>0</v>
      </c>
      <c r="I34" s="238">
        <v>0</v>
      </c>
      <c r="J34" s="5">
        <v>4</v>
      </c>
      <c r="K34" s="101">
        <v>0</v>
      </c>
      <c r="L34" s="3">
        <v>0</v>
      </c>
    </row>
    <row r="35" spans="1:12" ht="19.95" customHeight="1" x14ac:dyDescent="0.2">
      <c r="A35" s="451"/>
      <c r="B35" s="111" t="s">
        <v>17</v>
      </c>
      <c r="C35" s="237">
        <v>8</v>
      </c>
      <c r="D35" s="4">
        <v>12</v>
      </c>
      <c r="E35" s="2">
        <v>4</v>
      </c>
      <c r="F35" s="3">
        <v>0.33333333333333331</v>
      </c>
      <c r="G35" s="14">
        <v>10</v>
      </c>
      <c r="H35" s="101">
        <v>4</v>
      </c>
      <c r="I35" s="238">
        <v>0.4</v>
      </c>
      <c r="J35" s="5">
        <v>2</v>
      </c>
      <c r="K35" s="101">
        <v>0</v>
      </c>
      <c r="L35" s="3">
        <v>0</v>
      </c>
    </row>
    <row r="36" spans="1:12" ht="19.95" customHeight="1" x14ac:dyDescent="0.2">
      <c r="A36" s="451"/>
      <c r="B36" s="111" t="s">
        <v>18</v>
      </c>
      <c r="C36" s="237">
        <v>21</v>
      </c>
      <c r="D36" s="4">
        <v>46</v>
      </c>
      <c r="E36" s="2">
        <v>15</v>
      </c>
      <c r="F36" s="3">
        <v>0.32608695652173914</v>
      </c>
      <c r="G36" s="14">
        <v>30</v>
      </c>
      <c r="H36" s="101">
        <v>11</v>
      </c>
      <c r="I36" s="238">
        <v>0.36666666666666664</v>
      </c>
      <c r="J36" s="5">
        <v>16</v>
      </c>
      <c r="K36" s="101">
        <v>4</v>
      </c>
      <c r="L36" s="3">
        <v>0.25</v>
      </c>
    </row>
    <row r="37" spans="1:12" ht="19.95" customHeight="1" thickBot="1" x14ac:dyDescent="0.25">
      <c r="A37" s="451"/>
      <c r="B37" s="112" t="s">
        <v>19</v>
      </c>
      <c r="C37" s="244">
        <v>6</v>
      </c>
      <c r="D37" s="4">
        <v>10</v>
      </c>
      <c r="E37" s="2">
        <v>2</v>
      </c>
      <c r="F37" s="3">
        <v>0.2</v>
      </c>
      <c r="G37" s="45">
        <v>8</v>
      </c>
      <c r="H37" s="104">
        <v>0</v>
      </c>
      <c r="I37" s="238">
        <v>0</v>
      </c>
      <c r="J37" s="103">
        <v>2</v>
      </c>
      <c r="K37" s="104">
        <v>2</v>
      </c>
      <c r="L37" s="3">
        <v>1</v>
      </c>
    </row>
    <row r="38" spans="1:12" ht="19.95" customHeight="1" thickTop="1" thickBot="1" x14ac:dyDescent="0.25">
      <c r="A38" s="406"/>
      <c r="B38" s="242" t="s">
        <v>32</v>
      </c>
      <c r="C38" s="246">
        <v>151</v>
      </c>
      <c r="D38" s="254">
        <v>323</v>
      </c>
      <c r="E38" s="255">
        <v>102</v>
      </c>
      <c r="F38" s="253">
        <v>0.31578947368421051</v>
      </c>
      <c r="G38" s="15">
        <v>230</v>
      </c>
      <c r="H38" s="15">
        <v>58</v>
      </c>
      <c r="I38" s="218">
        <v>0.25217391304347825</v>
      </c>
      <c r="J38" s="7">
        <v>93</v>
      </c>
      <c r="K38" s="15">
        <v>44</v>
      </c>
      <c r="L38" s="78">
        <v>0.4731182795698925</v>
      </c>
    </row>
  </sheetData>
  <mergeCells count="16">
    <mergeCell ref="G19:I19"/>
    <mergeCell ref="J19:L19"/>
    <mergeCell ref="A21:A29"/>
    <mergeCell ref="A30:A38"/>
    <mergeCell ref="A6:A10"/>
    <mergeCell ref="A11:A16"/>
    <mergeCell ref="A19:A20"/>
    <mergeCell ref="B19:B20"/>
    <mergeCell ref="C19:C20"/>
    <mergeCell ref="D19:F19"/>
    <mergeCell ref="J4:L4"/>
    <mergeCell ref="A4:A5"/>
    <mergeCell ref="B4:B5"/>
    <mergeCell ref="C4:C5"/>
    <mergeCell ref="D4:F4"/>
    <mergeCell ref="G4:I4"/>
  </mergeCells>
  <phoneticPr fontId="9"/>
  <pageMargins left="1.1023622047244095" right="0.31496062992125984" top="0.55118110236220474" bottom="0.35433070866141736" header="0.31496062992125984" footer="0.31496062992125984"/>
  <pageSetup paperSize="9" scale="65" orientation="landscape" r:id="rId1"/>
  <headerFooter scaleWithDoc="0" alignWithMargins="0">
    <oddFooter>&amp;C&amp;P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50"/>
  <sheetViews>
    <sheetView view="pageBreakPreview" zoomScale="80" zoomScaleNormal="100" zoomScaleSheetLayoutView="80" workbookViewId="0"/>
  </sheetViews>
  <sheetFormatPr defaultColWidth="14.77734375" defaultRowHeight="19.95" customHeight="1" x14ac:dyDescent="0.2"/>
  <cols>
    <col min="1" max="1" width="12.77734375" style="88" customWidth="1"/>
    <col min="2" max="5" width="14.77734375" style="88"/>
    <col min="6" max="6" width="16.33203125" style="88" customWidth="1"/>
    <col min="7" max="10" width="14.77734375" style="88"/>
    <col min="11" max="11" width="7.77734375" style="88" customWidth="1"/>
    <col min="12" max="14" width="14.77734375" style="88"/>
    <col min="15" max="15" width="6.6640625" style="88" customWidth="1"/>
    <col min="16" max="16384" width="14.77734375" style="88"/>
  </cols>
  <sheetData>
    <row r="1" spans="1:15" ht="19.95" customHeight="1" x14ac:dyDescent="0.2">
      <c r="A1" s="79" t="s">
        <v>198</v>
      </c>
    </row>
    <row r="2" spans="1:15" ht="12" customHeight="1" x14ac:dyDescent="0.2">
      <c r="A2" s="89"/>
    </row>
    <row r="3" spans="1:15" ht="19.95" customHeight="1" thickBot="1" x14ac:dyDescent="0.25">
      <c r="A3" s="88" t="s">
        <v>199</v>
      </c>
    </row>
    <row r="4" spans="1:15" s="106" customFormat="1" ht="24" customHeight="1" thickBot="1" x14ac:dyDescent="0.25">
      <c r="A4" s="256"/>
      <c r="B4" s="126" t="s">
        <v>140</v>
      </c>
      <c r="C4" s="138" t="s">
        <v>200</v>
      </c>
      <c r="D4" s="162" t="s">
        <v>201</v>
      </c>
      <c r="E4" s="117" t="s">
        <v>202</v>
      </c>
    </row>
    <row r="5" spans="1:15" ht="19.95" customHeight="1" thickTop="1" x14ac:dyDescent="0.2">
      <c r="A5" s="257" t="s">
        <v>21</v>
      </c>
      <c r="B5" s="258">
        <v>95</v>
      </c>
      <c r="C5" s="153">
        <v>1</v>
      </c>
      <c r="D5" s="3">
        <v>1.0526315789473684E-2</v>
      </c>
      <c r="E5" s="121">
        <v>1</v>
      </c>
    </row>
    <row r="6" spans="1:15" ht="19.95" customHeight="1" thickBot="1" x14ac:dyDescent="0.25">
      <c r="A6" s="259" t="s">
        <v>22</v>
      </c>
      <c r="B6" s="260">
        <v>257</v>
      </c>
      <c r="C6" s="157">
        <v>5</v>
      </c>
      <c r="D6" s="13">
        <v>1.9455252918287938E-2</v>
      </c>
      <c r="E6" s="123">
        <v>11</v>
      </c>
    </row>
    <row r="7" spans="1:15" ht="19.95" customHeight="1" thickTop="1" thickBot="1" x14ac:dyDescent="0.25">
      <c r="A7" s="363" t="s">
        <v>34</v>
      </c>
      <c r="B7" s="261">
        <v>352</v>
      </c>
      <c r="C7" s="172">
        <v>6</v>
      </c>
      <c r="D7" s="38">
        <v>1.7045454545454544E-2</v>
      </c>
      <c r="E7" s="262">
        <v>12</v>
      </c>
    </row>
    <row r="8" spans="1:15" ht="12" customHeight="1" x14ac:dyDescent="0.2">
      <c r="A8" s="106"/>
      <c r="C8" s="247"/>
    </row>
    <row r="9" spans="1:15" ht="19.95" customHeight="1" thickBot="1" x14ac:dyDescent="0.25">
      <c r="A9" s="92" t="s">
        <v>257</v>
      </c>
      <c r="E9" s="263" t="s">
        <v>137</v>
      </c>
      <c r="L9" s="88" t="s">
        <v>155</v>
      </c>
    </row>
    <row r="10" spans="1:15" s="197" customFormat="1" ht="24" customHeight="1" thickBot="1" x14ac:dyDescent="0.25">
      <c r="A10" s="290"/>
      <c r="B10" s="291" t="s">
        <v>165</v>
      </c>
      <c r="C10" s="292" t="s">
        <v>141</v>
      </c>
      <c r="D10" s="293" t="s">
        <v>142</v>
      </c>
      <c r="E10" s="292" t="s">
        <v>143</v>
      </c>
      <c r="F10" s="292" t="s">
        <v>144</v>
      </c>
      <c r="G10" s="292" t="s">
        <v>145</v>
      </c>
      <c r="H10" s="294" t="s">
        <v>146</v>
      </c>
      <c r="I10" s="295" t="s">
        <v>121</v>
      </c>
      <c r="J10" s="129" t="s">
        <v>163</v>
      </c>
      <c r="L10" s="385" t="s">
        <v>226</v>
      </c>
      <c r="M10" s="175"/>
      <c r="N10" s="176"/>
      <c r="O10" s="88"/>
    </row>
    <row r="11" spans="1:15" ht="19.95" customHeight="1" thickTop="1" x14ac:dyDescent="0.2">
      <c r="A11" s="296" t="s">
        <v>147</v>
      </c>
      <c r="B11" s="297">
        <v>10</v>
      </c>
      <c r="C11" s="298">
        <v>0</v>
      </c>
      <c r="D11" s="298">
        <v>27</v>
      </c>
      <c r="E11" s="298">
        <v>51</v>
      </c>
      <c r="F11" s="298">
        <v>47</v>
      </c>
      <c r="G11" s="298">
        <v>24</v>
      </c>
      <c r="H11" s="299">
        <v>24</v>
      </c>
      <c r="I11" s="300">
        <v>6</v>
      </c>
      <c r="J11" s="301">
        <v>189</v>
      </c>
      <c r="L11" s="386" t="s">
        <v>227</v>
      </c>
      <c r="M11" s="315"/>
      <c r="N11" s="177"/>
    </row>
    <row r="12" spans="1:15" ht="19.95" customHeight="1" thickBot="1" x14ac:dyDescent="0.25">
      <c r="A12" s="302" t="s">
        <v>148</v>
      </c>
      <c r="B12" s="303">
        <v>47</v>
      </c>
      <c r="C12" s="304">
        <v>7</v>
      </c>
      <c r="D12" s="304">
        <v>63</v>
      </c>
      <c r="E12" s="304">
        <v>87</v>
      </c>
      <c r="F12" s="304">
        <v>122</v>
      </c>
      <c r="G12" s="304">
        <v>35</v>
      </c>
      <c r="H12" s="304">
        <v>47</v>
      </c>
      <c r="I12" s="305">
        <v>11</v>
      </c>
      <c r="J12" s="171">
        <v>419</v>
      </c>
      <c r="L12" s="386" t="s">
        <v>228</v>
      </c>
      <c r="M12" s="315"/>
      <c r="N12" s="177"/>
    </row>
    <row r="13" spans="1:15" ht="19.95" customHeight="1" thickTop="1" x14ac:dyDescent="0.2">
      <c r="A13" s="306" t="s">
        <v>32</v>
      </c>
      <c r="B13" s="307">
        <v>57</v>
      </c>
      <c r="C13" s="308">
        <v>7</v>
      </c>
      <c r="D13" s="308">
        <v>90</v>
      </c>
      <c r="E13" s="308">
        <v>138</v>
      </c>
      <c r="F13" s="308">
        <v>169</v>
      </c>
      <c r="G13" s="308">
        <v>59</v>
      </c>
      <c r="H13" s="308">
        <v>71</v>
      </c>
      <c r="I13" s="309">
        <v>17</v>
      </c>
      <c r="J13" s="331">
        <v>608</v>
      </c>
      <c r="L13" s="386" t="s">
        <v>229</v>
      </c>
      <c r="M13" s="315"/>
      <c r="N13" s="177"/>
    </row>
    <row r="14" spans="1:15" ht="19.95" customHeight="1" thickBot="1" x14ac:dyDescent="0.25">
      <c r="A14" s="310" t="s">
        <v>87</v>
      </c>
      <c r="B14" s="28">
        <v>9.375E-2</v>
      </c>
      <c r="C14" s="24">
        <v>1.1513157894736841E-2</v>
      </c>
      <c r="D14" s="24">
        <v>0.14802631578947367</v>
      </c>
      <c r="E14" s="24">
        <v>0.22697368421052633</v>
      </c>
      <c r="F14" s="24">
        <v>0.27796052631578949</v>
      </c>
      <c r="G14" s="24">
        <v>9.7039473684210523E-2</v>
      </c>
      <c r="H14" s="28">
        <v>0.11677631578947369</v>
      </c>
      <c r="I14" s="37">
        <v>2.7960526315789474E-2</v>
      </c>
      <c r="J14" s="77">
        <v>1</v>
      </c>
      <c r="L14" s="389" t="s">
        <v>230</v>
      </c>
      <c r="M14" s="178"/>
      <c r="N14" s="179"/>
    </row>
    <row r="15" spans="1:15" ht="11.4" customHeight="1" x14ac:dyDescent="0.2">
      <c r="A15" s="400"/>
      <c r="B15" s="373"/>
      <c r="C15" s="373"/>
      <c r="D15" s="373"/>
      <c r="E15" s="373"/>
      <c r="F15" s="373"/>
      <c r="G15" s="373"/>
      <c r="H15" s="373"/>
      <c r="I15" s="373"/>
      <c r="J15" s="373"/>
      <c r="L15" s="401"/>
      <c r="M15" s="315"/>
      <c r="N15" s="315"/>
    </row>
    <row r="16" spans="1:15" ht="19.95" customHeight="1" thickBot="1" x14ac:dyDescent="0.25">
      <c r="A16" s="263" t="s">
        <v>258</v>
      </c>
      <c r="B16" s="263"/>
      <c r="C16" s="263"/>
      <c r="D16" s="263"/>
      <c r="E16" s="263"/>
      <c r="F16" s="263"/>
      <c r="G16" s="263"/>
      <c r="H16" s="263"/>
    </row>
    <row r="17" spans="1:8" ht="18.45" customHeight="1" thickBot="1" x14ac:dyDescent="0.25">
      <c r="A17" s="416" t="s">
        <v>203</v>
      </c>
      <c r="B17" s="453"/>
      <c r="C17" s="453"/>
      <c r="D17" s="453"/>
      <c r="E17" s="453"/>
      <c r="F17" s="454"/>
      <c r="G17" s="169" t="s">
        <v>213</v>
      </c>
      <c r="H17" s="264" t="s">
        <v>149</v>
      </c>
    </row>
    <row r="18" spans="1:8" ht="18.45" customHeight="1" thickTop="1" x14ac:dyDescent="0.2">
      <c r="A18" s="366">
        <v>1</v>
      </c>
      <c r="B18" s="265" t="s">
        <v>53</v>
      </c>
      <c r="C18" s="266"/>
      <c r="D18" s="266"/>
      <c r="E18" s="266"/>
      <c r="F18" s="266"/>
      <c r="G18" s="267">
        <v>0</v>
      </c>
      <c r="H18" s="268">
        <v>3</v>
      </c>
    </row>
    <row r="19" spans="1:8" ht="18.45" customHeight="1" x14ac:dyDescent="0.2">
      <c r="A19" s="269">
        <v>2</v>
      </c>
      <c r="B19" s="270" t="s">
        <v>54</v>
      </c>
      <c r="C19" s="271"/>
      <c r="D19" s="271"/>
      <c r="E19" s="271"/>
      <c r="F19" s="271"/>
      <c r="G19" s="272">
        <v>0</v>
      </c>
      <c r="H19" s="273">
        <v>2</v>
      </c>
    </row>
    <row r="20" spans="1:8" ht="18.45" customHeight="1" x14ac:dyDescent="0.2">
      <c r="A20" s="269">
        <v>3</v>
      </c>
      <c r="B20" s="270" t="s">
        <v>55</v>
      </c>
      <c r="C20" s="271"/>
      <c r="D20" s="271"/>
      <c r="E20" s="271"/>
      <c r="F20" s="271"/>
      <c r="G20" s="272">
        <v>0</v>
      </c>
      <c r="H20" s="273">
        <v>2</v>
      </c>
    </row>
    <row r="21" spans="1:8" ht="18.45" customHeight="1" x14ac:dyDescent="0.2">
      <c r="A21" s="269">
        <v>4</v>
      </c>
      <c r="B21" s="270" t="s">
        <v>56</v>
      </c>
      <c r="C21" s="271"/>
      <c r="D21" s="271"/>
      <c r="E21" s="271"/>
      <c r="F21" s="271"/>
      <c r="G21" s="272">
        <v>0</v>
      </c>
      <c r="H21" s="273">
        <v>1</v>
      </c>
    </row>
    <row r="22" spans="1:8" ht="18.45" customHeight="1" x14ac:dyDescent="0.2">
      <c r="A22" s="269">
        <v>5</v>
      </c>
      <c r="B22" s="270" t="s">
        <v>57</v>
      </c>
      <c r="C22" s="271"/>
      <c r="D22" s="271"/>
      <c r="E22" s="271"/>
      <c r="F22" s="271"/>
      <c r="G22" s="272">
        <v>0</v>
      </c>
      <c r="H22" s="273">
        <v>1</v>
      </c>
    </row>
    <row r="23" spans="1:8" ht="18.45" customHeight="1" x14ac:dyDescent="0.2">
      <c r="A23" s="269">
        <v>6</v>
      </c>
      <c r="B23" s="270" t="s">
        <v>58</v>
      </c>
      <c r="C23" s="271"/>
      <c r="D23" s="271"/>
      <c r="E23" s="271"/>
      <c r="F23" s="271"/>
      <c r="G23" s="272">
        <v>0</v>
      </c>
      <c r="H23" s="273">
        <v>1</v>
      </c>
    </row>
    <row r="24" spans="1:8" ht="18.45" customHeight="1" x14ac:dyDescent="0.2">
      <c r="A24" s="269">
        <v>7</v>
      </c>
      <c r="B24" s="270" t="s">
        <v>59</v>
      </c>
      <c r="C24" s="271"/>
      <c r="D24" s="271"/>
      <c r="E24" s="271"/>
      <c r="F24" s="271"/>
      <c r="G24" s="272">
        <v>0</v>
      </c>
      <c r="H24" s="273">
        <v>1</v>
      </c>
    </row>
    <row r="25" spans="1:8" ht="18.45" customHeight="1" x14ac:dyDescent="0.2">
      <c r="A25" s="269">
        <v>8</v>
      </c>
      <c r="B25" s="270" t="s">
        <v>60</v>
      </c>
      <c r="C25" s="271"/>
      <c r="D25" s="271"/>
      <c r="E25" s="271"/>
      <c r="F25" s="271"/>
      <c r="G25" s="272">
        <v>0</v>
      </c>
      <c r="H25" s="273">
        <v>3</v>
      </c>
    </row>
    <row r="26" spans="1:8" ht="18.45" customHeight="1" x14ac:dyDescent="0.2">
      <c r="A26" s="274">
        <v>9</v>
      </c>
      <c r="B26" s="275" t="s">
        <v>61</v>
      </c>
      <c r="C26" s="276"/>
      <c r="D26" s="276"/>
      <c r="E26" s="276"/>
      <c r="F26" s="276"/>
      <c r="G26" s="272">
        <v>1</v>
      </c>
      <c r="H26" s="273">
        <v>11</v>
      </c>
    </row>
    <row r="27" spans="1:8" ht="18.45" customHeight="1" x14ac:dyDescent="0.2">
      <c r="A27" s="274">
        <v>10</v>
      </c>
      <c r="B27" s="455" t="s">
        <v>138</v>
      </c>
      <c r="C27" s="456"/>
      <c r="D27" s="456"/>
      <c r="E27" s="456"/>
      <c r="F27" s="457"/>
      <c r="G27" s="272">
        <v>0</v>
      </c>
      <c r="H27" s="273">
        <v>2</v>
      </c>
    </row>
    <row r="28" spans="1:8" ht="18.45" customHeight="1" x14ac:dyDescent="0.2">
      <c r="A28" s="269">
        <v>11</v>
      </c>
      <c r="B28" s="270" t="s">
        <v>62</v>
      </c>
      <c r="C28" s="271"/>
      <c r="D28" s="271"/>
      <c r="E28" s="271"/>
      <c r="F28" s="271"/>
      <c r="G28" s="272">
        <v>0</v>
      </c>
      <c r="H28" s="273">
        <v>2</v>
      </c>
    </row>
    <row r="29" spans="1:8" ht="18.45" customHeight="1" x14ac:dyDescent="0.2">
      <c r="A29" s="269">
        <v>12</v>
      </c>
      <c r="B29" s="270" t="s">
        <v>63</v>
      </c>
      <c r="C29" s="271"/>
      <c r="D29" s="271"/>
      <c r="E29" s="271"/>
      <c r="F29" s="271"/>
      <c r="G29" s="272">
        <v>0</v>
      </c>
      <c r="H29" s="273">
        <v>1</v>
      </c>
    </row>
    <row r="30" spans="1:8" ht="18.45" customHeight="1" x14ac:dyDescent="0.2">
      <c r="A30" s="269">
        <v>13</v>
      </c>
      <c r="B30" s="270" t="s">
        <v>64</v>
      </c>
      <c r="C30" s="271"/>
      <c r="D30" s="271"/>
      <c r="E30" s="271"/>
      <c r="F30" s="271"/>
      <c r="G30" s="272">
        <v>0</v>
      </c>
      <c r="H30" s="273">
        <v>1</v>
      </c>
    </row>
    <row r="31" spans="1:8" ht="18.45" customHeight="1" x14ac:dyDescent="0.2">
      <c r="A31" s="269">
        <v>14</v>
      </c>
      <c r="B31" s="270" t="s">
        <v>65</v>
      </c>
      <c r="C31" s="271"/>
      <c r="D31" s="271"/>
      <c r="E31" s="271"/>
      <c r="F31" s="271"/>
      <c r="G31" s="272">
        <v>0</v>
      </c>
      <c r="H31" s="273">
        <v>1</v>
      </c>
    </row>
    <row r="32" spans="1:8" ht="18.45" customHeight="1" x14ac:dyDescent="0.2">
      <c r="A32" s="269">
        <v>15</v>
      </c>
      <c r="B32" s="270" t="s">
        <v>66</v>
      </c>
      <c r="C32" s="271"/>
      <c r="D32" s="271"/>
      <c r="E32" s="271"/>
      <c r="F32" s="271"/>
      <c r="G32" s="272">
        <v>0</v>
      </c>
      <c r="H32" s="273">
        <v>2</v>
      </c>
    </row>
    <row r="33" spans="1:9" ht="18.45" customHeight="1" x14ac:dyDescent="0.2">
      <c r="A33" s="269">
        <v>16</v>
      </c>
      <c r="B33" s="270" t="s">
        <v>67</v>
      </c>
      <c r="C33" s="271"/>
      <c r="D33" s="271"/>
      <c r="E33" s="271"/>
      <c r="F33" s="271"/>
      <c r="G33" s="272">
        <v>0</v>
      </c>
      <c r="H33" s="273">
        <v>2</v>
      </c>
    </row>
    <row r="34" spans="1:9" ht="18.45" customHeight="1" x14ac:dyDescent="0.2">
      <c r="A34" s="269">
        <v>17</v>
      </c>
      <c r="B34" s="270" t="s">
        <v>68</v>
      </c>
      <c r="C34" s="271"/>
      <c r="D34" s="271"/>
      <c r="E34" s="271"/>
      <c r="F34" s="271"/>
      <c r="G34" s="272">
        <v>0</v>
      </c>
      <c r="H34" s="273">
        <v>2</v>
      </c>
    </row>
    <row r="35" spans="1:9" ht="18.45" customHeight="1" x14ac:dyDescent="0.2">
      <c r="A35" s="269">
        <v>18</v>
      </c>
      <c r="B35" s="270" t="s">
        <v>139</v>
      </c>
      <c r="C35" s="271"/>
      <c r="D35" s="271"/>
      <c r="E35" s="271"/>
      <c r="F35" s="271"/>
      <c r="G35" s="272">
        <v>0</v>
      </c>
      <c r="H35" s="273">
        <v>1</v>
      </c>
    </row>
    <row r="36" spans="1:9" ht="18.45" customHeight="1" x14ac:dyDescent="0.2">
      <c r="A36" s="269">
        <v>19</v>
      </c>
      <c r="B36" s="270" t="s">
        <v>69</v>
      </c>
      <c r="C36" s="271"/>
      <c r="D36" s="271"/>
      <c r="E36" s="271"/>
      <c r="F36" s="271"/>
      <c r="G36" s="272">
        <v>0</v>
      </c>
      <c r="H36" s="273">
        <v>1</v>
      </c>
    </row>
    <row r="37" spans="1:9" ht="18.45" customHeight="1" x14ac:dyDescent="0.2">
      <c r="A37" s="269">
        <v>20</v>
      </c>
      <c r="B37" s="270" t="s">
        <v>70</v>
      </c>
      <c r="C37" s="271"/>
      <c r="D37" s="271"/>
      <c r="E37" s="271"/>
      <c r="F37" s="271"/>
      <c r="G37" s="272">
        <v>0</v>
      </c>
      <c r="H37" s="273">
        <v>2</v>
      </c>
    </row>
    <row r="38" spans="1:9" ht="18.45" customHeight="1" thickBot="1" x14ac:dyDescent="0.25">
      <c r="A38" s="277">
        <v>21</v>
      </c>
      <c r="B38" s="278" t="s">
        <v>71</v>
      </c>
      <c r="C38" s="279"/>
      <c r="D38" s="279"/>
      <c r="E38" s="279"/>
      <c r="F38" s="279"/>
      <c r="G38" s="280">
        <v>0</v>
      </c>
      <c r="H38" s="281">
        <v>1</v>
      </c>
    </row>
    <row r="39" spans="1:9" ht="18.45" customHeight="1" thickTop="1" thickBot="1" x14ac:dyDescent="0.25">
      <c r="A39" s="282"/>
      <c r="B39" s="283"/>
      <c r="C39" s="283"/>
      <c r="D39" s="283"/>
      <c r="E39" s="283"/>
      <c r="F39" s="284" t="s">
        <v>204</v>
      </c>
      <c r="G39" s="76">
        <v>1</v>
      </c>
      <c r="H39" s="285">
        <v>43</v>
      </c>
    </row>
    <row r="40" spans="1:9" ht="18.45" customHeight="1" thickBot="1" x14ac:dyDescent="0.25">
      <c r="A40" s="416" t="s">
        <v>205</v>
      </c>
      <c r="B40" s="453"/>
      <c r="C40" s="453"/>
      <c r="D40" s="453"/>
      <c r="E40" s="453"/>
      <c r="F40" s="454"/>
      <c r="G40" s="169" t="s">
        <v>213</v>
      </c>
      <c r="H40" s="264" t="s">
        <v>149</v>
      </c>
      <c r="I40" s="286"/>
    </row>
    <row r="41" spans="1:9" ht="18.45" customHeight="1" thickTop="1" x14ac:dyDescent="0.2">
      <c r="A41" s="366">
        <v>1</v>
      </c>
      <c r="B41" s="265" t="s">
        <v>206</v>
      </c>
      <c r="C41" s="266"/>
      <c r="D41" s="266"/>
      <c r="E41" s="266"/>
      <c r="F41" s="266"/>
      <c r="G41" s="267">
        <v>0</v>
      </c>
      <c r="H41" s="267">
        <v>1</v>
      </c>
      <c r="I41" s="286"/>
    </row>
    <row r="42" spans="1:9" ht="18.45" customHeight="1" x14ac:dyDescent="0.2">
      <c r="A42" s="269">
        <v>2</v>
      </c>
      <c r="B42" s="270" t="s">
        <v>207</v>
      </c>
      <c r="C42" s="271"/>
      <c r="D42" s="271"/>
      <c r="E42" s="271"/>
      <c r="F42" s="271"/>
      <c r="G42" s="272">
        <v>0</v>
      </c>
      <c r="H42" s="272">
        <v>1</v>
      </c>
      <c r="I42" s="286"/>
    </row>
    <row r="43" spans="1:9" ht="18.45" customHeight="1" x14ac:dyDescent="0.2">
      <c r="A43" s="269">
        <v>3</v>
      </c>
      <c r="B43" s="270" t="s">
        <v>208</v>
      </c>
      <c r="C43" s="271"/>
      <c r="D43" s="271"/>
      <c r="E43" s="271"/>
      <c r="F43" s="271"/>
      <c r="G43" s="272">
        <v>0</v>
      </c>
      <c r="H43" s="272">
        <v>1</v>
      </c>
      <c r="I43" s="286"/>
    </row>
    <row r="44" spans="1:9" ht="18.45" customHeight="1" x14ac:dyDescent="0.2">
      <c r="A44" s="269">
        <v>4</v>
      </c>
      <c r="B44" s="270" t="s">
        <v>209</v>
      </c>
      <c r="C44" s="271"/>
      <c r="D44" s="271"/>
      <c r="E44" s="271"/>
      <c r="F44" s="271"/>
      <c r="G44" s="272">
        <v>0</v>
      </c>
      <c r="H44" s="272">
        <v>1</v>
      </c>
      <c r="I44" s="286"/>
    </row>
    <row r="45" spans="1:9" ht="18.45" customHeight="1" x14ac:dyDescent="0.2">
      <c r="A45" s="269">
        <v>5</v>
      </c>
      <c r="B45" s="270" t="s">
        <v>210</v>
      </c>
      <c r="C45" s="271"/>
      <c r="D45" s="271"/>
      <c r="E45" s="271"/>
      <c r="F45" s="271"/>
      <c r="G45" s="272">
        <v>0</v>
      </c>
      <c r="H45" s="272">
        <v>0</v>
      </c>
      <c r="I45" s="286"/>
    </row>
    <row r="46" spans="1:9" ht="18.45" customHeight="1" thickBot="1" x14ac:dyDescent="0.25">
      <c r="A46" s="277">
        <v>6</v>
      </c>
      <c r="B46" s="278" t="s">
        <v>211</v>
      </c>
      <c r="C46" s="279"/>
      <c r="D46" s="279"/>
      <c r="E46" s="279"/>
      <c r="F46" s="279"/>
      <c r="G46" s="280">
        <v>0</v>
      </c>
      <c r="H46" s="280">
        <v>0</v>
      </c>
      <c r="I46" s="286"/>
    </row>
    <row r="47" spans="1:9" ht="18.45" customHeight="1" thickTop="1" thickBot="1" x14ac:dyDescent="0.25">
      <c r="A47" s="211"/>
      <c r="F47" s="215" t="s">
        <v>204</v>
      </c>
      <c r="G47" s="76">
        <v>0</v>
      </c>
      <c r="H47" s="76">
        <v>4</v>
      </c>
      <c r="I47" s="286"/>
    </row>
    <row r="48" spans="1:9" ht="18.45" customHeight="1" thickBot="1" x14ac:dyDescent="0.25">
      <c r="A48" s="219"/>
      <c r="B48" s="220"/>
      <c r="C48" s="220"/>
      <c r="D48" s="220"/>
      <c r="E48" s="287"/>
      <c r="F48" s="288" t="s">
        <v>212</v>
      </c>
      <c r="G48" s="289">
        <v>1</v>
      </c>
      <c r="H48" s="289">
        <v>47</v>
      </c>
      <c r="I48" s="286"/>
    </row>
    <row r="49" spans="1:10" ht="12" customHeight="1" x14ac:dyDescent="0.2">
      <c r="A49" s="286"/>
      <c r="B49" s="286"/>
      <c r="C49" s="286"/>
      <c r="D49" s="286"/>
      <c r="E49" s="286"/>
      <c r="F49" s="286"/>
      <c r="G49" s="286"/>
      <c r="H49" s="286"/>
      <c r="I49" s="286"/>
      <c r="J49" s="286"/>
    </row>
    <row r="50" spans="1:10" ht="19.95" customHeight="1" x14ac:dyDescent="0.2">
      <c r="A50" s="311"/>
      <c r="B50" s="312"/>
      <c r="C50" s="312"/>
      <c r="D50" s="312"/>
      <c r="E50" s="312"/>
      <c r="F50" s="312"/>
      <c r="G50" s="312"/>
      <c r="H50" s="312"/>
      <c r="I50" s="312"/>
      <c r="J50" s="94"/>
    </row>
  </sheetData>
  <mergeCells count="3">
    <mergeCell ref="A17:F17"/>
    <mergeCell ref="B27:F27"/>
    <mergeCell ref="A40:F40"/>
  </mergeCells>
  <phoneticPr fontId="10"/>
  <pageMargins left="1.1023622047244095" right="0.31496062992125984" top="0.55118110236220474" bottom="0.35433070866141736" header="0.31496062992125984" footer="0.31496062992125984"/>
  <pageSetup paperSize="9" scale="60" orientation="landscape" r:id="rId1"/>
  <headerFooter scaleWithDoc="0"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5</vt:i4>
      </vt:variant>
    </vt:vector>
  </HeadingPairs>
  <TitlesOfParts>
    <vt:vector size="11" baseType="lpstr">
      <vt:lpstr>Ⅱ1離職率 2退職理由</vt:lpstr>
      <vt:lpstr>３退職後進路</vt:lpstr>
      <vt:lpstr>４経験者採用 5新卒者採用</vt:lpstr>
      <vt:lpstr>６採用方法</vt:lpstr>
      <vt:lpstr>７令和６年度充足状況</vt:lpstr>
      <vt:lpstr>８特定行為研修</vt:lpstr>
      <vt:lpstr>'３退職後進路'!Print_Area</vt:lpstr>
      <vt:lpstr>'４経験者採用 5新卒者採用'!Print_Area</vt:lpstr>
      <vt:lpstr>'６採用方法'!Print_Area</vt:lpstr>
      <vt:lpstr>'８特定行為研修'!Print_Area</vt:lpstr>
      <vt:lpstr>'Ⅱ1離職率 2退職理由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cp:lastPrinted>2025-01-07T01:51:59Z</cp:lastPrinted>
  <dcterms:created xsi:type="dcterms:W3CDTF">2018-07-20T02:29:27Z</dcterms:created>
  <dcterms:modified xsi:type="dcterms:W3CDTF">2025-01-07T01:52:08Z</dcterms:modified>
</cp:coreProperties>
</file>